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9"/>
  </p:sldMasterIdLst>
  <p:notesMasterIdLst>
    <p:notesMasterId r:id="rId33"/>
  </p:notesMasterIdLst>
  <p:sldIdLst>
    <p:sldId id="260" r:id="rId10"/>
    <p:sldId id="261" r:id="rId11"/>
    <p:sldId id="264" r:id="rId12"/>
    <p:sldId id="265" r:id="rId13"/>
    <p:sldId id="266" r:id="rId14"/>
    <p:sldId id="268" r:id="rId15"/>
    <p:sldId id="269" r:id="rId16"/>
    <p:sldId id="271" r:id="rId17"/>
    <p:sldId id="286" r:id="rId18"/>
    <p:sldId id="272" r:id="rId19"/>
    <p:sldId id="273" r:id="rId20"/>
    <p:sldId id="274" r:id="rId21"/>
    <p:sldId id="285" r:id="rId22"/>
    <p:sldId id="275" r:id="rId23"/>
    <p:sldId id="279" r:id="rId24"/>
    <p:sldId id="276" r:id="rId25"/>
    <p:sldId id="277" r:id="rId26"/>
    <p:sldId id="278" r:id="rId27"/>
    <p:sldId id="287" r:id="rId28"/>
    <p:sldId id="280" r:id="rId29"/>
    <p:sldId id="282" r:id="rId30"/>
    <p:sldId id="283" r:id="rId31"/>
    <p:sldId id="288" r:id="rId32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eur" initials="A" lastIdx="0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7E66F3-01CF-475D-99D7-BD906D38E0D1}" v="55" dt="2022-01-21T15:07:47.60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011" autoAdjust="0"/>
    <p:restoredTop sz="94660"/>
  </p:normalViewPr>
  <p:slideViewPr>
    <p:cSldViewPr snapToGrid="0">
      <p:cViewPr varScale="1">
        <p:scale>
          <a:sx n="60" d="100"/>
          <a:sy n="60" d="100"/>
        </p:scale>
        <p:origin x="76" y="24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notesMaster" Target="notesMasters/notes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viewProps" Target="view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presProps" Target="presProps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Book1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nl-NL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48111648564166576"/>
          <c:y val="5.3408238423242171E-3"/>
          <c:w val="0.53350207094498503"/>
          <c:h val="0.83474263452226682"/>
        </c:manualLayout>
      </c:layout>
      <c:pie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8681-41C8-A8B8-DE70B5461FF5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8681-41C8-A8B8-DE70B5461FF5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8681-41C8-A8B8-DE70B5461FF5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bestFit"/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A$1:$A$3</c:f>
              <c:strCache>
                <c:ptCount val="3"/>
                <c:pt idx="0">
                  <c:v>Wachttijd 121 minuten</c:v>
                </c:pt>
                <c:pt idx="1">
                  <c:v>Vpk opname 21 minuten</c:v>
                </c:pt>
                <c:pt idx="2">
                  <c:v>ECV 15 minuten </c:v>
                </c:pt>
              </c:strCache>
            </c:strRef>
          </c:cat>
          <c:val>
            <c:numRef>
              <c:f>Sheet1!$B$1:$B$3</c:f>
              <c:numCache>
                <c:formatCode>0%</c:formatCode>
                <c:ptCount val="3"/>
                <c:pt idx="0">
                  <c:v>0.77</c:v>
                </c:pt>
                <c:pt idx="1">
                  <c:v>0.13</c:v>
                </c:pt>
                <c:pt idx="2">
                  <c:v>0.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8681-41C8-A8B8-DE70B5461FF5}"/>
            </c:ext>
          </c:extLst>
        </c:ser>
        <c:dLbls>
          <c:dLblPos val="bestFit"/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26241471718322851"/>
          <c:y val="0.62756008744219938"/>
          <c:w val="0.23854566478319747"/>
          <c:h val="0.29168620808607787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D67BEA2C-6500-4856-B8D0-525E1BDBBB9B}" type="doc">
      <dgm:prSet loTypeId="urn:microsoft.com/office/officeart/2005/8/layout/hierarchy2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nl-NL"/>
        </a:p>
      </dgm:t>
    </dgm:pt>
    <dgm:pt modelId="{C8E0D7D4-1C1A-48C0-AA38-0A00E5A41BB6}">
      <dgm:prSet phldrT="[Tekst]" custT="1"/>
      <dgm:spPr/>
      <dgm:t>
        <a:bodyPr/>
        <a:lstStyle/>
        <a:p>
          <a:r>
            <a:rPr lang="nl-NL" sz="1100" dirty="0" smtClean="0"/>
            <a:t>ECV</a:t>
          </a:r>
          <a:endParaRPr lang="nl-NL" sz="1100" dirty="0"/>
        </a:p>
      </dgm:t>
    </dgm:pt>
    <dgm:pt modelId="{58E868E0-486C-4DE1-9DAC-F9181EF7533E}" type="parTrans" cxnId="{43323716-BE28-47D4-A71B-C2E1F4B9239F}">
      <dgm:prSet/>
      <dgm:spPr/>
      <dgm:t>
        <a:bodyPr/>
        <a:lstStyle/>
        <a:p>
          <a:endParaRPr lang="nl-NL"/>
        </a:p>
      </dgm:t>
    </dgm:pt>
    <dgm:pt modelId="{24F564A1-802B-45F9-B192-3638E935B74C}" type="sibTrans" cxnId="{43323716-BE28-47D4-A71B-C2E1F4B9239F}">
      <dgm:prSet/>
      <dgm:spPr/>
      <dgm:t>
        <a:bodyPr/>
        <a:lstStyle/>
        <a:p>
          <a:endParaRPr lang="nl-NL"/>
        </a:p>
      </dgm:t>
    </dgm:pt>
    <dgm:pt modelId="{F56D7088-D778-46F1-96DC-781C672E3AE0}">
      <dgm:prSet phldrT="[Tekst]" custT="1"/>
      <dgm:spPr/>
      <dgm:t>
        <a:bodyPr/>
        <a:lstStyle/>
        <a:p>
          <a:r>
            <a:rPr lang="nl-NL" sz="1100" dirty="0" smtClean="0"/>
            <a:t>Opnameduur</a:t>
          </a:r>
          <a:endParaRPr lang="nl-NL" sz="1100" dirty="0"/>
        </a:p>
      </dgm:t>
    </dgm:pt>
    <dgm:pt modelId="{8AD0BB45-02C1-4847-8A77-397D93CD7807}" type="parTrans" cxnId="{1184361F-5A9E-449B-9881-E8DC60883B90}">
      <dgm:prSet/>
      <dgm:spPr/>
      <dgm:t>
        <a:bodyPr/>
        <a:lstStyle/>
        <a:p>
          <a:endParaRPr lang="nl-NL" dirty="0"/>
        </a:p>
      </dgm:t>
    </dgm:pt>
    <dgm:pt modelId="{9BDD63F6-DA37-4149-AE30-471D520534CB}" type="sibTrans" cxnId="{1184361F-5A9E-449B-9881-E8DC60883B90}">
      <dgm:prSet/>
      <dgm:spPr/>
      <dgm:t>
        <a:bodyPr/>
        <a:lstStyle/>
        <a:p>
          <a:endParaRPr lang="nl-NL"/>
        </a:p>
      </dgm:t>
    </dgm:pt>
    <dgm:pt modelId="{045C5AE7-FE94-45A4-9115-5BBC632D3977}">
      <dgm:prSet phldrT="[Tekst]" custT="1"/>
      <dgm:spPr/>
      <dgm:t>
        <a:bodyPr/>
        <a:lstStyle/>
        <a:p>
          <a:r>
            <a:rPr lang="nl-NL" sz="1100" dirty="0" smtClean="0"/>
            <a:t>Dat ik niet  lang hoef te wachten op mijn ECV </a:t>
          </a:r>
          <a:endParaRPr lang="nl-NL" sz="1100" dirty="0"/>
        </a:p>
      </dgm:t>
    </dgm:pt>
    <dgm:pt modelId="{8943D706-0E7B-49B4-A416-2D762FFF183A}" type="parTrans" cxnId="{DC2ED0FF-72C7-47F1-9BE7-7E1020B06E28}">
      <dgm:prSet/>
      <dgm:spPr/>
      <dgm:t>
        <a:bodyPr/>
        <a:lstStyle/>
        <a:p>
          <a:endParaRPr lang="nl-NL" dirty="0"/>
        </a:p>
      </dgm:t>
    </dgm:pt>
    <dgm:pt modelId="{EB751005-BDB0-4A35-B9FF-BEBAD0BF756C}" type="sibTrans" cxnId="{DC2ED0FF-72C7-47F1-9BE7-7E1020B06E28}">
      <dgm:prSet/>
      <dgm:spPr/>
      <dgm:t>
        <a:bodyPr/>
        <a:lstStyle/>
        <a:p>
          <a:endParaRPr lang="nl-NL"/>
        </a:p>
      </dgm:t>
    </dgm:pt>
    <dgm:pt modelId="{CA8FF698-C69B-4FE6-A9A7-F3F1E9A81E72}">
      <dgm:prSet phldrT="[Tekst]" custT="1"/>
      <dgm:spPr/>
      <dgm:t>
        <a:bodyPr/>
        <a:lstStyle/>
        <a:p>
          <a:r>
            <a:rPr lang="nl-NL" sz="1100" dirty="0" smtClean="0"/>
            <a:t>Dat andere patiënten die later binnenkomen niet eerder worden geholpen. </a:t>
          </a:r>
          <a:endParaRPr lang="nl-NL" sz="1100" dirty="0"/>
        </a:p>
      </dgm:t>
    </dgm:pt>
    <dgm:pt modelId="{C95101E6-C49F-4C5A-8991-FC2D818EB4FE}" type="parTrans" cxnId="{661716A8-1083-4A46-821B-EA3C41F44DC8}">
      <dgm:prSet/>
      <dgm:spPr/>
      <dgm:t>
        <a:bodyPr/>
        <a:lstStyle/>
        <a:p>
          <a:endParaRPr lang="nl-NL" dirty="0"/>
        </a:p>
      </dgm:t>
    </dgm:pt>
    <dgm:pt modelId="{BF481057-5831-4B3C-B46D-DC0A886F0346}" type="sibTrans" cxnId="{661716A8-1083-4A46-821B-EA3C41F44DC8}">
      <dgm:prSet/>
      <dgm:spPr/>
      <dgm:t>
        <a:bodyPr/>
        <a:lstStyle/>
        <a:p>
          <a:endParaRPr lang="nl-NL"/>
        </a:p>
      </dgm:t>
    </dgm:pt>
    <dgm:pt modelId="{A5184A19-FA7D-48C9-842C-4EBBE0ED22EA}">
      <dgm:prSet phldrT="[Tekst]" custT="1"/>
      <dgm:spPr/>
      <dgm:t>
        <a:bodyPr/>
        <a:lstStyle/>
        <a:p>
          <a:r>
            <a:rPr lang="nl-NL" sz="1100" dirty="0" smtClean="0"/>
            <a:t>Veiligheid &amp; Expertise  </a:t>
          </a:r>
          <a:endParaRPr lang="nl-NL" sz="1100" dirty="0"/>
        </a:p>
      </dgm:t>
    </dgm:pt>
    <dgm:pt modelId="{BF3852A2-6CB3-4328-B15B-CF0CABCB38E4}" type="parTrans" cxnId="{231342DE-12A9-4AA7-9BBB-3E985EE8DBE8}">
      <dgm:prSet/>
      <dgm:spPr/>
      <dgm:t>
        <a:bodyPr/>
        <a:lstStyle/>
        <a:p>
          <a:endParaRPr lang="nl-NL" dirty="0"/>
        </a:p>
      </dgm:t>
    </dgm:pt>
    <dgm:pt modelId="{1343F3EC-8788-44B7-96EE-A3DC867189B5}" type="sibTrans" cxnId="{231342DE-12A9-4AA7-9BBB-3E985EE8DBE8}">
      <dgm:prSet/>
      <dgm:spPr/>
      <dgm:t>
        <a:bodyPr/>
        <a:lstStyle/>
        <a:p>
          <a:endParaRPr lang="nl-NL"/>
        </a:p>
      </dgm:t>
    </dgm:pt>
    <dgm:pt modelId="{A58D2D3C-AAB5-40CB-A117-B11459C36BA1}">
      <dgm:prSet phldrT="[Tekst]" custT="1"/>
      <dgm:spPr/>
      <dgm:t>
        <a:bodyPr/>
        <a:lstStyle/>
        <a:p>
          <a:r>
            <a:rPr lang="nl-NL" sz="1100" dirty="0" smtClean="0"/>
            <a:t>Dat het team veilig een ECV kan uitvoeren en dat ook uitstraalt </a:t>
          </a:r>
          <a:endParaRPr lang="nl-NL" sz="1100" dirty="0"/>
        </a:p>
      </dgm:t>
    </dgm:pt>
    <dgm:pt modelId="{913FCDC8-84AE-4C24-B042-829EB7DE9F5D}" type="parTrans" cxnId="{2D38587A-15B2-4A6E-AE76-317096B245B7}">
      <dgm:prSet/>
      <dgm:spPr/>
      <dgm:t>
        <a:bodyPr/>
        <a:lstStyle/>
        <a:p>
          <a:endParaRPr lang="nl-NL" dirty="0"/>
        </a:p>
      </dgm:t>
    </dgm:pt>
    <dgm:pt modelId="{1017AAFA-947F-4306-8CF0-C1159CB562F5}" type="sibTrans" cxnId="{2D38587A-15B2-4A6E-AE76-317096B245B7}">
      <dgm:prSet/>
      <dgm:spPr/>
      <dgm:t>
        <a:bodyPr/>
        <a:lstStyle/>
        <a:p>
          <a:endParaRPr lang="nl-NL"/>
        </a:p>
      </dgm:t>
    </dgm:pt>
    <dgm:pt modelId="{800407EB-5CAD-4578-9B22-6521BA5ECB9D}">
      <dgm:prSet custT="1"/>
      <dgm:spPr/>
      <dgm:t>
        <a:bodyPr/>
        <a:lstStyle/>
        <a:p>
          <a:r>
            <a:rPr lang="nl-NL" sz="1100" dirty="0" smtClean="0"/>
            <a:t>Service &amp;comfort</a:t>
          </a:r>
          <a:endParaRPr lang="nl-NL" sz="1100" dirty="0"/>
        </a:p>
      </dgm:t>
    </dgm:pt>
    <dgm:pt modelId="{CB932DE6-D156-4EC3-AE89-44F3B7B5AC1C}" type="parTrans" cxnId="{AF27AEFF-C4F6-4C70-884C-CDE987303621}">
      <dgm:prSet/>
      <dgm:spPr/>
      <dgm:t>
        <a:bodyPr/>
        <a:lstStyle/>
        <a:p>
          <a:endParaRPr lang="nl-NL" dirty="0"/>
        </a:p>
      </dgm:t>
    </dgm:pt>
    <dgm:pt modelId="{3028F90D-0A21-4716-83B9-E35F5B6AEE38}" type="sibTrans" cxnId="{AF27AEFF-C4F6-4C70-884C-CDE987303621}">
      <dgm:prSet/>
      <dgm:spPr/>
      <dgm:t>
        <a:bodyPr/>
        <a:lstStyle/>
        <a:p>
          <a:endParaRPr lang="nl-NL"/>
        </a:p>
      </dgm:t>
    </dgm:pt>
    <dgm:pt modelId="{BBEA3823-350C-484C-AF3B-4AED52932902}">
      <dgm:prSet custT="1"/>
      <dgm:spPr/>
      <dgm:t>
        <a:bodyPr/>
        <a:lstStyle/>
        <a:p>
          <a:r>
            <a:rPr lang="nl-NL" sz="1100" dirty="0" smtClean="0"/>
            <a:t>Dat ik weet waarop ik moet wachten. </a:t>
          </a:r>
          <a:endParaRPr lang="nl-NL" sz="1100" dirty="0"/>
        </a:p>
      </dgm:t>
    </dgm:pt>
    <dgm:pt modelId="{2C383A5B-8387-4600-8E34-F55537CF2740}" type="parTrans" cxnId="{65AAF335-BC25-4D6B-A608-740E9657B30C}">
      <dgm:prSet/>
      <dgm:spPr/>
      <dgm:t>
        <a:bodyPr/>
        <a:lstStyle/>
        <a:p>
          <a:endParaRPr lang="nl-NL" dirty="0"/>
        </a:p>
      </dgm:t>
    </dgm:pt>
    <dgm:pt modelId="{D86F6889-AF17-424B-99A2-DD6EE3EC0673}" type="sibTrans" cxnId="{65AAF335-BC25-4D6B-A608-740E9657B30C}">
      <dgm:prSet/>
      <dgm:spPr/>
      <dgm:t>
        <a:bodyPr/>
        <a:lstStyle/>
        <a:p>
          <a:endParaRPr lang="nl-NL"/>
        </a:p>
      </dgm:t>
    </dgm:pt>
    <dgm:pt modelId="{41BD87FE-AD26-471A-BF5B-17D6781A1066}">
      <dgm:prSet custT="1"/>
      <dgm:spPr/>
      <dgm:t>
        <a:bodyPr/>
        <a:lstStyle/>
        <a:p>
          <a:r>
            <a:rPr lang="nl-NL" sz="1100" dirty="0" smtClean="0"/>
            <a:t>Dat er rekening gehouden kan worden met mijn wensen </a:t>
          </a:r>
          <a:endParaRPr lang="nl-NL" sz="1100" dirty="0"/>
        </a:p>
      </dgm:t>
    </dgm:pt>
    <dgm:pt modelId="{E7DDFFAA-3400-4E60-86BC-321F78F8EE55}" type="parTrans" cxnId="{D0B2292C-3E04-445F-A519-705B08B9CE80}">
      <dgm:prSet/>
      <dgm:spPr/>
      <dgm:t>
        <a:bodyPr/>
        <a:lstStyle/>
        <a:p>
          <a:endParaRPr lang="nl-NL" dirty="0"/>
        </a:p>
      </dgm:t>
    </dgm:pt>
    <dgm:pt modelId="{5A6D9D10-A28A-483D-8E8D-3B44F4635CEC}" type="sibTrans" cxnId="{D0B2292C-3E04-445F-A519-705B08B9CE80}">
      <dgm:prSet/>
      <dgm:spPr/>
      <dgm:t>
        <a:bodyPr/>
        <a:lstStyle/>
        <a:p>
          <a:endParaRPr lang="nl-NL"/>
        </a:p>
      </dgm:t>
    </dgm:pt>
    <dgm:pt modelId="{20B9BC8A-3EF7-4268-897C-4107412D8BDF}">
      <dgm:prSet custT="1"/>
      <dgm:spPr/>
      <dgm:t>
        <a:bodyPr/>
        <a:lstStyle/>
        <a:p>
          <a:r>
            <a:rPr lang="nl-NL" sz="1100" dirty="0" smtClean="0"/>
            <a:t>Dat het team voorbereid is en kennis heeft van mijn dossier</a:t>
          </a:r>
          <a:endParaRPr lang="nl-NL" sz="1100" dirty="0"/>
        </a:p>
      </dgm:t>
    </dgm:pt>
    <dgm:pt modelId="{348E3DB5-6179-4FED-833B-C1DDDFCBFE11}" type="parTrans" cxnId="{D4D3534F-6AF5-447E-A921-934F874A50C5}">
      <dgm:prSet/>
      <dgm:spPr/>
      <dgm:t>
        <a:bodyPr/>
        <a:lstStyle/>
        <a:p>
          <a:endParaRPr lang="nl-NL" dirty="0"/>
        </a:p>
      </dgm:t>
    </dgm:pt>
    <dgm:pt modelId="{B11719C8-6A58-46F2-B7E6-623E0500EA71}" type="sibTrans" cxnId="{D4D3534F-6AF5-447E-A921-934F874A50C5}">
      <dgm:prSet/>
      <dgm:spPr/>
      <dgm:t>
        <a:bodyPr/>
        <a:lstStyle/>
        <a:p>
          <a:endParaRPr lang="nl-NL"/>
        </a:p>
      </dgm:t>
    </dgm:pt>
    <dgm:pt modelId="{DC030622-54F6-45F8-A2B3-1746BFD03ACA}">
      <dgm:prSet custT="1"/>
      <dgm:spPr/>
      <dgm:t>
        <a:bodyPr/>
        <a:lstStyle/>
        <a:p>
          <a:r>
            <a:rPr lang="nl-NL" sz="1100" dirty="0" smtClean="0"/>
            <a:t>Dat ik gehoord wordt in mijn klachtenpatroon</a:t>
          </a:r>
          <a:endParaRPr lang="nl-NL" sz="1100" dirty="0"/>
        </a:p>
      </dgm:t>
    </dgm:pt>
    <dgm:pt modelId="{66E0506C-45CD-4F2C-90CD-266FCFA042D1}" type="parTrans" cxnId="{005A8570-227F-426A-B817-6945947B12B4}">
      <dgm:prSet/>
      <dgm:spPr/>
      <dgm:t>
        <a:bodyPr/>
        <a:lstStyle/>
        <a:p>
          <a:endParaRPr lang="nl-NL" dirty="0"/>
        </a:p>
      </dgm:t>
    </dgm:pt>
    <dgm:pt modelId="{C054F4EC-8EE0-47DE-BA78-3E774247F76A}" type="sibTrans" cxnId="{005A8570-227F-426A-B817-6945947B12B4}">
      <dgm:prSet/>
      <dgm:spPr/>
      <dgm:t>
        <a:bodyPr/>
        <a:lstStyle/>
        <a:p>
          <a:endParaRPr lang="nl-NL"/>
        </a:p>
      </dgm:t>
    </dgm:pt>
    <dgm:pt modelId="{3F706811-703F-48A7-83DD-887B8E46367B}">
      <dgm:prSet custT="1"/>
      <dgm:spPr/>
      <dgm:t>
        <a:bodyPr/>
        <a:lstStyle/>
        <a:p>
          <a:r>
            <a:rPr lang="nl-NL" sz="1100" dirty="0" smtClean="0"/>
            <a:t>Dat mijn familie ook betrokken wordt in de behandeling </a:t>
          </a:r>
          <a:endParaRPr lang="nl-NL" sz="1100" dirty="0"/>
        </a:p>
      </dgm:t>
    </dgm:pt>
    <dgm:pt modelId="{431999C4-0FBE-4ABB-AC0E-7863F9D88F8E}" type="parTrans" cxnId="{646E961E-ABCD-4B3E-B0D9-D1F6CCC55BCF}">
      <dgm:prSet/>
      <dgm:spPr/>
      <dgm:t>
        <a:bodyPr/>
        <a:lstStyle/>
        <a:p>
          <a:endParaRPr lang="nl-NL" dirty="0"/>
        </a:p>
      </dgm:t>
    </dgm:pt>
    <dgm:pt modelId="{2F15E3FE-7AE7-4CDD-BE1B-3A15089DD2F6}" type="sibTrans" cxnId="{646E961E-ABCD-4B3E-B0D9-D1F6CCC55BCF}">
      <dgm:prSet/>
      <dgm:spPr/>
      <dgm:t>
        <a:bodyPr/>
        <a:lstStyle/>
        <a:p>
          <a:endParaRPr lang="nl-NL"/>
        </a:p>
      </dgm:t>
    </dgm:pt>
    <dgm:pt modelId="{8C119F1E-FBE5-4B00-813C-42E75D97D374}" type="pres">
      <dgm:prSet presAssocID="{D67BEA2C-6500-4856-B8D0-525E1BDBBB9B}" presName="diagram" presStyleCnt="0">
        <dgm:presLayoutVars>
          <dgm:chPref val="1"/>
          <dgm:dir/>
          <dgm:animOne val="branch"/>
          <dgm:animLvl val="lvl"/>
          <dgm:resizeHandles val="exact"/>
        </dgm:presLayoutVars>
      </dgm:prSet>
      <dgm:spPr/>
      <dgm:t>
        <a:bodyPr/>
        <a:lstStyle/>
        <a:p>
          <a:endParaRPr lang="nl-NL"/>
        </a:p>
      </dgm:t>
    </dgm:pt>
    <dgm:pt modelId="{0394093F-E2FB-4934-9E76-65CE30DB34A3}" type="pres">
      <dgm:prSet presAssocID="{C8E0D7D4-1C1A-48C0-AA38-0A00E5A41BB6}" presName="root1" presStyleCnt="0"/>
      <dgm:spPr/>
    </dgm:pt>
    <dgm:pt modelId="{7F8B6391-F751-4B63-BB84-C3274DFF860B}" type="pres">
      <dgm:prSet presAssocID="{C8E0D7D4-1C1A-48C0-AA38-0A00E5A41BB6}" presName="LevelOneTextNode" presStyleLbl="node0" presStyleIdx="0" presStyleCnt="1" custLinFactX="-161093" custLinFactNeighborX="-200000" custLinFactNeighborY="4597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C223D2A1-CD6B-420B-881B-1C931A8C2D33}" type="pres">
      <dgm:prSet presAssocID="{C8E0D7D4-1C1A-48C0-AA38-0A00E5A41BB6}" presName="level2hierChild" presStyleCnt="0"/>
      <dgm:spPr/>
    </dgm:pt>
    <dgm:pt modelId="{50900D9A-98CF-4925-955E-0DE0CB882294}" type="pres">
      <dgm:prSet presAssocID="{8AD0BB45-02C1-4847-8A77-397D93CD7807}" presName="conn2-1" presStyleLbl="parChTrans1D2" presStyleIdx="0" presStyleCnt="3"/>
      <dgm:spPr/>
      <dgm:t>
        <a:bodyPr/>
        <a:lstStyle/>
        <a:p>
          <a:endParaRPr lang="nl-NL"/>
        </a:p>
      </dgm:t>
    </dgm:pt>
    <dgm:pt modelId="{02946A67-64A1-4799-9079-D20B33327C03}" type="pres">
      <dgm:prSet presAssocID="{8AD0BB45-02C1-4847-8A77-397D93CD7807}" presName="connTx" presStyleLbl="parChTrans1D2" presStyleIdx="0" presStyleCnt="3"/>
      <dgm:spPr/>
      <dgm:t>
        <a:bodyPr/>
        <a:lstStyle/>
        <a:p>
          <a:endParaRPr lang="nl-NL"/>
        </a:p>
      </dgm:t>
    </dgm:pt>
    <dgm:pt modelId="{1FE9FE68-7E52-4865-B93C-FBE3B144CD89}" type="pres">
      <dgm:prSet presAssocID="{F56D7088-D778-46F1-96DC-781C672E3AE0}" presName="root2" presStyleCnt="0"/>
      <dgm:spPr/>
    </dgm:pt>
    <dgm:pt modelId="{D0D796E5-07D0-4ABE-A3CA-67C0229FB8B7}" type="pres">
      <dgm:prSet presAssocID="{F56D7088-D778-46F1-96DC-781C672E3AE0}" presName="LevelTwoTextNode" presStyleLbl="node2" presStyleIdx="0" presStyleCnt="3" custLinFactX="-55821" custLinFactNeighborX="-100000" custLinFactNeighborY="-11197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392145E3-23CF-40F1-AC6E-51E1F5C1F684}" type="pres">
      <dgm:prSet presAssocID="{F56D7088-D778-46F1-96DC-781C672E3AE0}" presName="level3hierChild" presStyleCnt="0"/>
      <dgm:spPr/>
    </dgm:pt>
    <dgm:pt modelId="{0AA598BC-6B99-41B1-A650-66E06AE1F186}" type="pres">
      <dgm:prSet presAssocID="{8943D706-0E7B-49B4-A416-2D762FFF183A}" presName="conn2-1" presStyleLbl="parChTrans1D3" presStyleIdx="0" presStyleCnt="8"/>
      <dgm:spPr/>
      <dgm:t>
        <a:bodyPr/>
        <a:lstStyle/>
        <a:p>
          <a:endParaRPr lang="nl-NL"/>
        </a:p>
      </dgm:t>
    </dgm:pt>
    <dgm:pt modelId="{9946F7F3-0C51-42FF-8DE8-E8EABC719D57}" type="pres">
      <dgm:prSet presAssocID="{8943D706-0E7B-49B4-A416-2D762FFF183A}" presName="connTx" presStyleLbl="parChTrans1D3" presStyleIdx="0" presStyleCnt="8"/>
      <dgm:spPr/>
      <dgm:t>
        <a:bodyPr/>
        <a:lstStyle/>
        <a:p>
          <a:endParaRPr lang="nl-NL"/>
        </a:p>
      </dgm:t>
    </dgm:pt>
    <dgm:pt modelId="{3E743ABC-C04A-4E1D-8EFE-C1C5D6DFE1CB}" type="pres">
      <dgm:prSet presAssocID="{045C5AE7-FE94-45A4-9115-5BBC632D3977}" presName="root2" presStyleCnt="0"/>
      <dgm:spPr/>
    </dgm:pt>
    <dgm:pt modelId="{79447E20-553E-4D70-8D2E-319175C32B3A}" type="pres">
      <dgm:prSet presAssocID="{045C5AE7-FE94-45A4-9115-5BBC632D3977}" presName="LevelTwoTextNode" presStyleLbl="node3" presStyleIdx="0" presStyleCnt="8" custScaleX="499889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FFC681E3-DE61-495B-81A8-A17AE0D6EA3A}" type="pres">
      <dgm:prSet presAssocID="{045C5AE7-FE94-45A4-9115-5BBC632D3977}" presName="level3hierChild" presStyleCnt="0"/>
      <dgm:spPr/>
    </dgm:pt>
    <dgm:pt modelId="{8FAD906B-1975-4118-A734-F52E8A75D9CB}" type="pres">
      <dgm:prSet presAssocID="{C95101E6-C49F-4C5A-8991-FC2D818EB4FE}" presName="conn2-1" presStyleLbl="parChTrans1D3" presStyleIdx="1" presStyleCnt="8"/>
      <dgm:spPr/>
      <dgm:t>
        <a:bodyPr/>
        <a:lstStyle/>
        <a:p>
          <a:endParaRPr lang="nl-NL"/>
        </a:p>
      </dgm:t>
    </dgm:pt>
    <dgm:pt modelId="{61BF2B1D-2B09-4AD8-A13F-E755EFAA052B}" type="pres">
      <dgm:prSet presAssocID="{C95101E6-C49F-4C5A-8991-FC2D818EB4FE}" presName="connTx" presStyleLbl="parChTrans1D3" presStyleIdx="1" presStyleCnt="8"/>
      <dgm:spPr/>
      <dgm:t>
        <a:bodyPr/>
        <a:lstStyle/>
        <a:p>
          <a:endParaRPr lang="nl-NL"/>
        </a:p>
      </dgm:t>
    </dgm:pt>
    <dgm:pt modelId="{3E230D75-F53F-4C46-9F6F-EE8178F5A705}" type="pres">
      <dgm:prSet presAssocID="{CA8FF698-C69B-4FE6-A9A7-F3F1E9A81E72}" presName="root2" presStyleCnt="0"/>
      <dgm:spPr/>
    </dgm:pt>
    <dgm:pt modelId="{8570F73E-163C-4E1F-88A6-E6B6F1944C1A}" type="pres">
      <dgm:prSet presAssocID="{CA8FF698-C69B-4FE6-A9A7-F3F1E9A81E72}" presName="LevelTwoTextNode" presStyleLbl="node3" presStyleIdx="1" presStyleCnt="8" custScaleX="496156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7507B6D6-7AEC-4FC9-94A0-6AB972377957}" type="pres">
      <dgm:prSet presAssocID="{CA8FF698-C69B-4FE6-A9A7-F3F1E9A81E72}" presName="level3hierChild" presStyleCnt="0"/>
      <dgm:spPr/>
    </dgm:pt>
    <dgm:pt modelId="{92F3D0A7-5BE5-4C4C-BD8C-39EE22AC4B82}" type="pres">
      <dgm:prSet presAssocID="{2C383A5B-8387-4600-8E34-F55537CF2740}" presName="conn2-1" presStyleLbl="parChTrans1D3" presStyleIdx="2" presStyleCnt="8"/>
      <dgm:spPr/>
      <dgm:t>
        <a:bodyPr/>
        <a:lstStyle/>
        <a:p>
          <a:endParaRPr lang="nl-NL"/>
        </a:p>
      </dgm:t>
    </dgm:pt>
    <dgm:pt modelId="{130FEF80-B7AD-480B-ADE7-EB85E3593A2C}" type="pres">
      <dgm:prSet presAssocID="{2C383A5B-8387-4600-8E34-F55537CF2740}" presName="connTx" presStyleLbl="parChTrans1D3" presStyleIdx="2" presStyleCnt="8"/>
      <dgm:spPr/>
      <dgm:t>
        <a:bodyPr/>
        <a:lstStyle/>
        <a:p>
          <a:endParaRPr lang="nl-NL"/>
        </a:p>
      </dgm:t>
    </dgm:pt>
    <dgm:pt modelId="{96FB0FCC-0074-464C-9B1D-515FB1A3E1E3}" type="pres">
      <dgm:prSet presAssocID="{BBEA3823-350C-484C-AF3B-4AED52932902}" presName="root2" presStyleCnt="0"/>
      <dgm:spPr/>
    </dgm:pt>
    <dgm:pt modelId="{D51E937A-CCD7-4B41-BAAB-C0BCCA9A39AE}" type="pres">
      <dgm:prSet presAssocID="{BBEA3823-350C-484C-AF3B-4AED52932902}" presName="LevelTwoTextNode" presStyleLbl="node3" presStyleIdx="2" presStyleCnt="8" custScaleX="496698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AF539C89-A1C2-4B1D-A6D7-2FC1E4419A8B}" type="pres">
      <dgm:prSet presAssocID="{BBEA3823-350C-484C-AF3B-4AED52932902}" presName="level3hierChild" presStyleCnt="0"/>
      <dgm:spPr/>
    </dgm:pt>
    <dgm:pt modelId="{375ECEB7-723E-4029-B9A2-ACAC4828E2C4}" type="pres">
      <dgm:prSet presAssocID="{BF3852A2-6CB3-4328-B15B-CF0CABCB38E4}" presName="conn2-1" presStyleLbl="parChTrans1D2" presStyleIdx="1" presStyleCnt="3"/>
      <dgm:spPr/>
      <dgm:t>
        <a:bodyPr/>
        <a:lstStyle/>
        <a:p>
          <a:endParaRPr lang="nl-NL"/>
        </a:p>
      </dgm:t>
    </dgm:pt>
    <dgm:pt modelId="{696D672B-99CD-4562-B143-87CC20614ED1}" type="pres">
      <dgm:prSet presAssocID="{BF3852A2-6CB3-4328-B15B-CF0CABCB38E4}" presName="connTx" presStyleLbl="parChTrans1D2" presStyleIdx="1" presStyleCnt="3"/>
      <dgm:spPr/>
      <dgm:t>
        <a:bodyPr/>
        <a:lstStyle/>
        <a:p>
          <a:endParaRPr lang="nl-NL"/>
        </a:p>
      </dgm:t>
    </dgm:pt>
    <dgm:pt modelId="{B5A0748B-97DE-44BD-8CF7-3070C2361061}" type="pres">
      <dgm:prSet presAssocID="{A5184A19-FA7D-48C9-842C-4EBBE0ED22EA}" presName="root2" presStyleCnt="0"/>
      <dgm:spPr/>
    </dgm:pt>
    <dgm:pt modelId="{F9054BCA-CFCE-423E-8D9E-385D1B6C455A}" type="pres">
      <dgm:prSet presAssocID="{A5184A19-FA7D-48C9-842C-4EBBE0ED22EA}" presName="LevelTwoTextNode" presStyleLbl="node2" presStyleIdx="1" presStyleCnt="3" custLinFactX="-50222" custLinFactNeighborX="-100000" custLinFactNeighborY="-24153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61FD9580-B8C9-4D23-B027-E9CA7CB468F6}" type="pres">
      <dgm:prSet presAssocID="{A5184A19-FA7D-48C9-842C-4EBBE0ED22EA}" presName="level3hierChild" presStyleCnt="0"/>
      <dgm:spPr/>
    </dgm:pt>
    <dgm:pt modelId="{291AFAAD-7EE7-4789-8033-4DD59A864100}" type="pres">
      <dgm:prSet presAssocID="{913FCDC8-84AE-4C24-B042-829EB7DE9F5D}" presName="conn2-1" presStyleLbl="parChTrans1D3" presStyleIdx="3" presStyleCnt="8"/>
      <dgm:spPr/>
      <dgm:t>
        <a:bodyPr/>
        <a:lstStyle/>
        <a:p>
          <a:endParaRPr lang="nl-NL"/>
        </a:p>
      </dgm:t>
    </dgm:pt>
    <dgm:pt modelId="{05B61DC3-CCDB-43CE-BA71-2B1A40DEA220}" type="pres">
      <dgm:prSet presAssocID="{913FCDC8-84AE-4C24-B042-829EB7DE9F5D}" presName="connTx" presStyleLbl="parChTrans1D3" presStyleIdx="3" presStyleCnt="8"/>
      <dgm:spPr/>
      <dgm:t>
        <a:bodyPr/>
        <a:lstStyle/>
        <a:p>
          <a:endParaRPr lang="nl-NL"/>
        </a:p>
      </dgm:t>
    </dgm:pt>
    <dgm:pt modelId="{0B24E35E-0E39-4410-A053-AA00DE6D3579}" type="pres">
      <dgm:prSet presAssocID="{A58D2D3C-AAB5-40CB-A117-B11459C36BA1}" presName="root2" presStyleCnt="0"/>
      <dgm:spPr/>
    </dgm:pt>
    <dgm:pt modelId="{A8539265-AC67-499D-B7A2-019E066C799C}" type="pres">
      <dgm:prSet presAssocID="{A58D2D3C-AAB5-40CB-A117-B11459C36BA1}" presName="LevelTwoTextNode" presStyleLbl="node3" presStyleIdx="3" presStyleCnt="8" custScaleX="498023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24848420-D809-43CB-9D18-83B7B334431D}" type="pres">
      <dgm:prSet presAssocID="{A58D2D3C-AAB5-40CB-A117-B11459C36BA1}" presName="level3hierChild" presStyleCnt="0"/>
      <dgm:spPr/>
    </dgm:pt>
    <dgm:pt modelId="{9B1D516A-65B8-4B24-ACEA-46773DA1C3A1}" type="pres">
      <dgm:prSet presAssocID="{348E3DB5-6179-4FED-833B-C1DDDFCBFE11}" presName="conn2-1" presStyleLbl="parChTrans1D3" presStyleIdx="4" presStyleCnt="8"/>
      <dgm:spPr/>
      <dgm:t>
        <a:bodyPr/>
        <a:lstStyle/>
        <a:p>
          <a:endParaRPr lang="nl-NL"/>
        </a:p>
      </dgm:t>
    </dgm:pt>
    <dgm:pt modelId="{F2217737-7CE3-4E36-99B7-4C04AF7647D7}" type="pres">
      <dgm:prSet presAssocID="{348E3DB5-6179-4FED-833B-C1DDDFCBFE11}" presName="connTx" presStyleLbl="parChTrans1D3" presStyleIdx="4" presStyleCnt="8"/>
      <dgm:spPr/>
      <dgm:t>
        <a:bodyPr/>
        <a:lstStyle/>
        <a:p>
          <a:endParaRPr lang="nl-NL"/>
        </a:p>
      </dgm:t>
    </dgm:pt>
    <dgm:pt modelId="{EA8638CB-4843-4D86-9716-33197B362CAA}" type="pres">
      <dgm:prSet presAssocID="{20B9BC8A-3EF7-4268-897C-4107412D8BDF}" presName="root2" presStyleCnt="0"/>
      <dgm:spPr/>
    </dgm:pt>
    <dgm:pt modelId="{BE39E999-9BFE-4DCD-A56D-AE4E6ABEE0BD}" type="pres">
      <dgm:prSet presAssocID="{20B9BC8A-3EF7-4268-897C-4107412D8BDF}" presName="LevelTwoTextNode" presStyleLbl="node3" presStyleIdx="4" presStyleCnt="8" custScaleX="496156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0A460551-3EC3-4B91-9C8D-1711E15C503B}" type="pres">
      <dgm:prSet presAssocID="{20B9BC8A-3EF7-4268-897C-4107412D8BDF}" presName="level3hierChild" presStyleCnt="0"/>
      <dgm:spPr/>
    </dgm:pt>
    <dgm:pt modelId="{FD56211E-F1C3-438B-92D5-8E96CF0C61F5}" type="pres">
      <dgm:prSet presAssocID="{66E0506C-45CD-4F2C-90CD-266FCFA042D1}" presName="conn2-1" presStyleLbl="parChTrans1D3" presStyleIdx="5" presStyleCnt="8"/>
      <dgm:spPr/>
      <dgm:t>
        <a:bodyPr/>
        <a:lstStyle/>
        <a:p>
          <a:endParaRPr lang="nl-NL"/>
        </a:p>
      </dgm:t>
    </dgm:pt>
    <dgm:pt modelId="{8801631B-9D51-48E0-BB6E-93FD7671522D}" type="pres">
      <dgm:prSet presAssocID="{66E0506C-45CD-4F2C-90CD-266FCFA042D1}" presName="connTx" presStyleLbl="parChTrans1D3" presStyleIdx="5" presStyleCnt="8"/>
      <dgm:spPr/>
      <dgm:t>
        <a:bodyPr/>
        <a:lstStyle/>
        <a:p>
          <a:endParaRPr lang="nl-NL"/>
        </a:p>
      </dgm:t>
    </dgm:pt>
    <dgm:pt modelId="{B68793B8-02AB-415E-84FC-2996D8C2667B}" type="pres">
      <dgm:prSet presAssocID="{DC030622-54F6-45F8-A2B3-1746BFD03ACA}" presName="root2" presStyleCnt="0"/>
      <dgm:spPr/>
    </dgm:pt>
    <dgm:pt modelId="{D311199E-7ECB-43A8-A5B1-D99AE8694AAB}" type="pres">
      <dgm:prSet presAssocID="{DC030622-54F6-45F8-A2B3-1746BFD03ACA}" presName="LevelTwoTextNode" presStyleLbl="node3" presStyleIdx="5" presStyleCnt="8" custScaleX="499889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EDC9BD0D-1871-462F-BC77-B95E93113988}" type="pres">
      <dgm:prSet presAssocID="{DC030622-54F6-45F8-A2B3-1746BFD03ACA}" presName="level3hierChild" presStyleCnt="0"/>
      <dgm:spPr/>
    </dgm:pt>
    <dgm:pt modelId="{186F7009-CCCC-4103-9D1E-86A28A1EB004}" type="pres">
      <dgm:prSet presAssocID="{CB932DE6-D156-4EC3-AE89-44F3B7B5AC1C}" presName="conn2-1" presStyleLbl="parChTrans1D2" presStyleIdx="2" presStyleCnt="3"/>
      <dgm:spPr/>
      <dgm:t>
        <a:bodyPr/>
        <a:lstStyle/>
        <a:p>
          <a:endParaRPr lang="nl-NL"/>
        </a:p>
      </dgm:t>
    </dgm:pt>
    <dgm:pt modelId="{4420365A-E416-419B-BA65-562E070284DA}" type="pres">
      <dgm:prSet presAssocID="{CB932DE6-D156-4EC3-AE89-44F3B7B5AC1C}" presName="connTx" presStyleLbl="parChTrans1D2" presStyleIdx="2" presStyleCnt="3"/>
      <dgm:spPr/>
      <dgm:t>
        <a:bodyPr/>
        <a:lstStyle/>
        <a:p>
          <a:endParaRPr lang="nl-NL"/>
        </a:p>
      </dgm:t>
    </dgm:pt>
    <dgm:pt modelId="{7627E96A-C86F-4425-9936-BD0391192DD2}" type="pres">
      <dgm:prSet presAssocID="{800407EB-5CAD-4578-9B22-6521BA5ECB9D}" presName="root2" presStyleCnt="0"/>
      <dgm:spPr/>
    </dgm:pt>
    <dgm:pt modelId="{A08653EF-CD1A-471C-99D3-5882FCF18E88}" type="pres">
      <dgm:prSet presAssocID="{800407EB-5CAD-4578-9B22-6521BA5ECB9D}" presName="LevelTwoTextNode" presStyleLbl="node2" presStyleIdx="2" presStyleCnt="3" custLinFactX="-49289" custLinFactNeighborX="-100000" custLinFactNeighborY="-5598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F52A0EBD-1947-4408-A480-F9E97AEC6E8D}" type="pres">
      <dgm:prSet presAssocID="{800407EB-5CAD-4578-9B22-6521BA5ECB9D}" presName="level3hierChild" presStyleCnt="0"/>
      <dgm:spPr/>
    </dgm:pt>
    <dgm:pt modelId="{80AB299C-FE9A-46B2-8191-6DA9AAC9194B}" type="pres">
      <dgm:prSet presAssocID="{E7DDFFAA-3400-4E60-86BC-321F78F8EE55}" presName="conn2-1" presStyleLbl="parChTrans1D3" presStyleIdx="6" presStyleCnt="8"/>
      <dgm:spPr/>
      <dgm:t>
        <a:bodyPr/>
        <a:lstStyle/>
        <a:p>
          <a:endParaRPr lang="nl-NL"/>
        </a:p>
      </dgm:t>
    </dgm:pt>
    <dgm:pt modelId="{4B066924-B815-4F37-9A08-127F926BEDF1}" type="pres">
      <dgm:prSet presAssocID="{E7DDFFAA-3400-4E60-86BC-321F78F8EE55}" presName="connTx" presStyleLbl="parChTrans1D3" presStyleIdx="6" presStyleCnt="8"/>
      <dgm:spPr/>
      <dgm:t>
        <a:bodyPr/>
        <a:lstStyle/>
        <a:p>
          <a:endParaRPr lang="nl-NL"/>
        </a:p>
      </dgm:t>
    </dgm:pt>
    <dgm:pt modelId="{8CA69C69-609B-4807-A7A2-CDF5EB454570}" type="pres">
      <dgm:prSet presAssocID="{41BD87FE-AD26-471A-BF5B-17D6781A1066}" presName="root2" presStyleCnt="0"/>
      <dgm:spPr/>
    </dgm:pt>
    <dgm:pt modelId="{FC1B7D85-7BF7-4DD6-B2BC-DEC242EE6EF7}" type="pres">
      <dgm:prSet presAssocID="{41BD87FE-AD26-471A-BF5B-17D6781A1066}" presName="LevelTwoTextNode" presStyleLbl="node3" presStyleIdx="6" presStyleCnt="8" custScaleX="499889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2C307B64-746D-4D55-BBE1-A189830E36AB}" type="pres">
      <dgm:prSet presAssocID="{41BD87FE-AD26-471A-BF5B-17D6781A1066}" presName="level3hierChild" presStyleCnt="0"/>
      <dgm:spPr/>
    </dgm:pt>
    <dgm:pt modelId="{FC9DFD0A-CECB-445C-91A9-396FC77011D3}" type="pres">
      <dgm:prSet presAssocID="{431999C4-0FBE-4ABB-AC0E-7863F9D88F8E}" presName="conn2-1" presStyleLbl="parChTrans1D3" presStyleIdx="7" presStyleCnt="8"/>
      <dgm:spPr/>
      <dgm:t>
        <a:bodyPr/>
        <a:lstStyle/>
        <a:p>
          <a:endParaRPr lang="nl-NL"/>
        </a:p>
      </dgm:t>
    </dgm:pt>
    <dgm:pt modelId="{DE7334D2-FE5D-4D6B-9D76-8FF023EBAABE}" type="pres">
      <dgm:prSet presAssocID="{431999C4-0FBE-4ABB-AC0E-7863F9D88F8E}" presName="connTx" presStyleLbl="parChTrans1D3" presStyleIdx="7" presStyleCnt="8"/>
      <dgm:spPr/>
      <dgm:t>
        <a:bodyPr/>
        <a:lstStyle/>
        <a:p>
          <a:endParaRPr lang="nl-NL"/>
        </a:p>
      </dgm:t>
    </dgm:pt>
    <dgm:pt modelId="{55DF9744-5CAF-4415-B6CC-FFF7E4DE38E1}" type="pres">
      <dgm:prSet presAssocID="{3F706811-703F-48A7-83DD-887B8E46367B}" presName="root2" presStyleCnt="0"/>
      <dgm:spPr/>
    </dgm:pt>
    <dgm:pt modelId="{C6D84FE3-5D28-48E7-A6AE-1A264A1CDCD8}" type="pres">
      <dgm:prSet presAssocID="{3F706811-703F-48A7-83DD-887B8E46367B}" presName="LevelTwoTextNode" presStyleLbl="node3" presStyleIdx="7" presStyleCnt="8" custScaleX="501755">
        <dgm:presLayoutVars>
          <dgm:chPref val="3"/>
        </dgm:presLayoutVars>
      </dgm:prSet>
      <dgm:spPr/>
      <dgm:t>
        <a:bodyPr/>
        <a:lstStyle/>
        <a:p>
          <a:endParaRPr lang="nl-NL"/>
        </a:p>
      </dgm:t>
    </dgm:pt>
    <dgm:pt modelId="{07486BAF-1A65-4F37-9548-48B89E6DBC95}" type="pres">
      <dgm:prSet presAssocID="{3F706811-703F-48A7-83DD-887B8E46367B}" presName="level3hierChild" presStyleCnt="0"/>
      <dgm:spPr/>
    </dgm:pt>
  </dgm:ptLst>
  <dgm:cxnLst>
    <dgm:cxn modelId="{646E961E-ABCD-4B3E-B0D9-D1F6CCC55BCF}" srcId="{800407EB-5CAD-4578-9B22-6521BA5ECB9D}" destId="{3F706811-703F-48A7-83DD-887B8E46367B}" srcOrd="1" destOrd="0" parTransId="{431999C4-0FBE-4ABB-AC0E-7863F9D88F8E}" sibTransId="{2F15E3FE-7AE7-4CDD-BE1B-3A15089DD2F6}"/>
    <dgm:cxn modelId="{65AAF335-BC25-4D6B-A608-740E9657B30C}" srcId="{F56D7088-D778-46F1-96DC-781C672E3AE0}" destId="{BBEA3823-350C-484C-AF3B-4AED52932902}" srcOrd="2" destOrd="0" parTransId="{2C383A5B-8387-4600-8E34-F55537CF2740}" sibTransId="{D86F6889-AF17-424B-99A2-DD6EE3EC0673}"/>
    <dgm:cxn modelId="{79F4D53F-580F-44F5-A9F9-7968F4461D0D}" type="presOf" srcId="{348E3DB5-6179-4FED-833B-C1DDDFCBFE11}" destId="{9B1D516A-65B8-4B24-ACEA-46773DA1C3A1}" srcOrd="0" destOrd="0" presId="urn:microsoft.com/office/officeart/2005/8/layout/hierarchy2"/>
    <dgm:cxn modelId="{444280F0-3AC6-4123-B850-E81CC5E7D2B9}" type="presOf" srcId="{913FCDC8-84AE-4C24-B042-829EB7DE9F5D}" destId="{05B61DC3-CCDB-43CE-BA71-2B1A40DEA220}" srcOrd="1" destOrd="0" presId="urn:microsoft.com/office/officeart/2005/8/layout/hierarchy2"/>
    <dgm:cxn modelId="{6DDE6CE2-F90A-49F8-B94E-E47CD83B736F}" type="presOf" srcId="{E7DDFFAA-3400-4E60-86BC-321F78F8EE55}" destId="{80AB299C-FE9A-46B2-8191-6DA9AAC9194B}" srcOrd="0" destOrd="0" presId="urn:microsoft.com/office/officeart/2005/8/layout/hierarchy2"/>
    <dgm:cxn modelId="{1184361F-5A9E-449B-9881-E8DC60883B90}" srcId="{C8E0D7D4-1C1A-48C0-AA38-0A00E5A41BB6}" destId="{F56D7088-D778-46F1-96DC-781C672E3AE0}" srcOrd="0" destOrd="0" parTransId="{8AD0BB45-02C1-4847-8A77-397D93CD7807}" sibTransId="{9BDD63F6-DA37-4149-AE30-471D520534CB}"/>
    <dgm:cxn modelId="{EB3C68B8-663B-42D8-B91C-508C739AE499}" type="presOf" srcId="{A5184A19-FA7D-48C9-842C-4EBBE0ED22EA}" destId="{F9054BCA-CFCE-423E-8D9E-385D1B6C455A}" srcOrd="0" destOrd="0" presId="urn:microsoft.com/office/officeart/2005/8/layout/hierarchy2"/>
    <dgm:cxn modelId="{8A1D6BDC-55E9-4663-A962-005780CD5B45}" type="presOf" srcId="{CB932DE6-D156-4EC3-AE89-44F3B7B5AC1C}" destId="{186F7009-CCCC-4103-9D1E-86A28A1EB004}" srcOrd="0" destOrd="0" presId="urn:microsoft.com/office/officeart/2005/8/layout/hierarchy2"/>
    <dgm:cxn modelId="{217C8A6E-6BF6-4DCF-A41A-CA29FFA2342E}" type="presOf" srcId="{F56D7088-D778-46F1-96DC-781C672E3AE0}" destId="{D0D796E5-07D0-4ABE-A3CA-67C0229FB8B7}" srcOrd="0" destOrd="0" presId="urn:microsoft.com/office/officeart/2005/8/layout/hierarchy2"/>
    <dgm:cxn modelId="{43323716-BE28-47D4-A71B-C2E1F4B9239F}" srcId="{D67BEA2C-6500-4856-B8D0-525E1BDBBB9B}" destId="{C8E0D7D4-1C1A-48C0-AA38-0A00E5A41BB6}" srcOrd="0" destOrd="0" parTransId="{58E868E0-486C-4DE1-9DAC-F9181EF7533E}" sibTransId="{24F564A1-802B-45F9-B192-3638E935B74C}"/>
    <dgm:cxn modelId="{B7752417-BB69-4DD5-B849-994E13E48400}" type="presOf" srcId="{3F706811-703F-48A7-83DD-887B8E46367B}" destId="{C6D84FE3-5D28-48E7-A6AE-1A264A1CDCD8}" srcOrd="0" destOrd="0" presId="urn:microsoft.com/office/officeart/2005/8/layout/hierarchy2"/>
    <dgm:cxn modelId="{231342DE-12A9-4AA7-9BBB-3E985EE8DBE8}" srcId="{C8E0D7D4-1C1A-48C0-AA38-0A00E5A41BB6}" destId="{A5184A19-FA7D-48C9-842C-4EBBE0ED22EA}" srcOrd="1" destOrd="0" parTransId="{BF3852A2-6CB3-4328-B15B-CF0CABCB38E4}" sibTransId="{1343F3EC-8788-44B7-96EE-A3DC867189B5}"/>
    <dgm:cxn modelId="{F6891574-BADE-439E-9748-BCB7F9649816}" type="presOf" srcId="{C95101E6-C49F-4C5A-8991-FC2D818EB4FE}" destId="{61BF2B1D-2B09-4AD8-A13F-E755EFAA052B}" srcOrd="1" destOrd="0" presId="urn:microsoft.com/office/officeart/2005/8/layout/hierarchy2"/>
    <dgm:cxn modelId="{2D38587A-15B2-4A6E-AE76-317096B245B7}" srcId="{A5184A19-FA7D-48C9-842C-4EBBE0ED22EA}" destId="{A58D2D3C-AAB5-40CB-A117-B11459C36BA1}" srcOrd="0" destOrd="0" parTransId="{913FCDC8-84AE-4C24-B042-829EB7DE9F5D}" sibTransId="{1017AAFA-947F-4306-8CF0-C1159CB562F5}"/>
    <dgm:cxn modelId="{B71B6816-7F7D-40D7-9FE3-952726C3CB4F}" type="presOf" srcId="{BF3852A2-6CB3-4328-B15B-CF0CABCB38E4}" destId="{375ECEB7-723E-4029-B9A2-ACAC4828E2C4}" srcOrd="0" destOrd="0" presId="urn:microsoft.com/office/officeart/2005/8/layout/hierarchy2"/>
    <dgm:cxn modelId="{1E678445-4DA3-4BB8-95F6-30A150BF0580}" type="presOf" srcId="{348E3DB5-6179-4FED-833B-C1DDDFCBFE11}" destId="{F2217737-7CE3-4E36-99B7-4C04AF7647D7}" srcOrd="1" destOrd="0" presId="urn:microsoft.com/office/officeart/2005/8/layout/hierarchy2"/>
    <dgm:cxn modelId="{24037DC7-63CD-44B0-9570-97AE0C617EA3}" type="presOf" srcId="{41BD87FE-AD26-471A-BF5B-17D6781A1066}" destId="{FC1B7D85-7BF7-4DD6-B2BC-DEC242EE6EF7}" srcOrd="0" destOrd="0" presId="urn:microsoft.com/office/officeart/2005/8/layout/hierarchy2"/>
    <dgm:cxn modelId="{49B07643-825A-4150-A0C3-B108B5E78D10}" type="presOf" srcId="{CB932DE6-D156-4EC3-AE89-44F3B7B5AC1C}" destId="{4420365A-E416-419B-BA65-562E070284DA}" srcOrd="1" destOrd="0" presId="urn:microsoft.com/office/officeart/2005/8/layout/hierarchy2"/>
    <dgm:cxn modelId="{1B34B071-6197-4D60-939C-E0E6FD2F1C9B}" type="presOf" srcId="{C95101E6-C49F-4C5A-8991-FC2D818EB4FE}" destId="{8FAD906B-1975-4118-A734-F52E8A75D9CB}" srcOrd="0" destOrd="0" presId="urn:microsoft.com/office/officeart/2005/8/layout/hierarchy2"/>
    <dgm:cxn modelId="{486BCB66-9F49-4D45-88C8-187F1CC0B419}" type="presOf" srcId="{8943D706-0E7B-49B4-A416-2D762FFF183A}" destId="{0AA598BC-6B99-41B1-A650-66E06AE1F186}" srcOrd="0" destOrd="0" presId="urn:microsoft.com/office/officeart/2005/8/layout/hierarchy2"/>
    <dgm:cxn modelId="{29ADEDC0-034E-4A20-A4D0-47E99C1693F8}" type="presOf" srcId="{D67BEA2C-6500-4856-B8D0-525E1BDBBB9B}" destId="{8C119F1E-FBE5-4B00-813C-42E75D97D374}" srcOrd="0" destOrd="0" presId="urn:microsoft.com/office/officeart/2005/8/layout/hierarchy2"/>
    <dgm:cxn modelId="{C1CA9ABB-94CC-4487-BDB9-1C2F8693BA16}" type="presOf" srcId="{CA8FF698-C69B-4FE6-A9A7-F3F1E9A81E72}" destId="{8570F73E-163C-4E1F-88A6-E6B6F1944C1A}" srcOrd="0" destOrd="0" presId="urn:microsoft.com/office/officeart/2005/8/layout/hierarchy2"/>
    <dgm:cxn modelId="{005A8570-227F-426A-B817-6945947B12B4}" srcId="{A5184A19-FA7D-48C9-842C-4EBBE0ED22EA}" destId="{DC030622-54F6-45F8-A2B3-1746BFD03ACA}" srcOrd="2" destOrd="0" parTransId="{66E0506C-45CD-4F2C-90CD-266FCFA042D1}" sibTransId="{C054F4EC-8EE0-47DE-BA78-3E774247F76A}"/>
    <dgm:cxn modelId="{D0B2292C-3E04-445F-A519-705B08B9CE80}" srcId="{800407EB-5CAD-4578-9B22-6521BA5ECB9D}" destId="{41BD87FE-AD26-471A-BF5B-17D6781A1066}" srcOrd="0" destOrd="0" parTransId="{E7DDFFAA-3400-4E60-86BC-321F78F8EE55}" sibTransId="{5A6D9D10-A28A-483D-8E8D-3B44F4635CEC}"/>
    <dgm:cxn modelId="{6B0BD796-BD9C-451D-AE58-D2946A1520AF}" type="presOf" srcId="{A58D2D3C-AAB5-40CB-A117-B11459C36BA1}" destId="{A8539265-AC67-499D-B7A2-019E066C799C}" srcOrd="0" destOrd="0" presId="urn:microsoft.com/office/officeart/2005/8/layout/hierarchy2"/>
    <dgm:cxn modelId="{AC7E0D5B-9C41-469C-A39C-F4BAE162C79F}" type="presOf" srcId="{8AD0BB45-02C1-4847-8A77-397D93CD7807}" destId="{02946A67-64A1-4799-9079-D20B33327C03}" srcOrd="1" destOrd="0" presId="urn:microsoft.com/office/officeart/2005/8/layout/hierarchy2"/>
    <dgm:cxn modelId="{E9D247CC-4815-4E97-93F3-684301F6088F}" type="presOf" srcId="{66E0506C-45CD-4F2C-90CD-266FCFA042D1}" destId="{FD56211E-F1C3-438B-92D5-8E96CF0C61F5}" srcOrd="0" destOrd="0" presId="urn:microsoft.com/office/officeart/2005/8/layout/hierarchy2"/>
    <dgm:cxn modelId="{661716A8-1083-4A46-821B-EA3C41F44DC8}" srcId="{F56D7088-D778-46F1-96DC-781C672E3AE0}" destId="{CA8FF698-C69B-4FE6-A9A7-F3F1E9A81E72}" srcOrd="1" destOrd="0" parTransId="{C95101E6-C49F-4C5A-8991-FC2D818EB4FE}" sibTransId="{BF481057-5831-4B3C-B46D-DC0A886F0346}"/>
    <dgm:cxn modelId="{AF27AEFF-C4F6-4C70-884C-CDE987303621}" srcId="{C8E0D7D4-1C1A-48C0-AA38-0A00E5A41BB6}" destId="{800407EB-5CAD-4578-9B22-6521BA5ECB9D}" srcOrd="2" destOrd="0" parTransId="{CB932DE6-D156-4EC3-AE89-44F3B7B5AC1C}" sibTransId="{3028F90D-0A21-4716-83B9-E35F5B6AEE38}"/>
    <dgm:cxn modelId="{818DE9D1-365D-4B7D-AE80-76094FB9ABDC}" type="presOf" srcId="{E7DDFFAA-3400-4E60-86BC-321F78F8EE55}" destId="{4B066924-B815-4F37-9A08-127F926BEDF1}" srcOrd="1" destOrd="0" presId="urn:microsoft.com/office/officeart/2005/8/layout/hierarchy2"/>
    <dgm:cxn modelId="{8ADFB91B-4FDE-465C-8430-921EECB7B605}" type="presOf" srcId="{DC030622-54F6-45F8-A2B3-1746BFD03ACA}" destId="{D311199E-7ECB-43A8-A5B1-D99AE8694AAB}" srcOrd="0" destOrd="0" presId="urn:microsoft.com/office/officeart/2005/8/layout/hierarchy2"/>
    <dgm:cxn modelId="{41A5138B-33B0-489F-8972-DC9350B019EA}" type="presOf" srcId="{2C383A5B-8387-4600-8E34-F55537CF2740}" destId="{130FEF80-B7AD-480B-ADE7-EB85E3593A2C}" srcOrd="1" destOrd="0" presId="urn:microsoft.com/office/officeart/2005/8/layout/hierarchy2"/>
    <dgm:cxn modelId="{D9E1FFFB-F3AA-40E5-B59D-14F4ACE595C7}" type="presOf" srcId="{8AD0BB45-02C1-4847-8A77-397D93CD7807}" destId="{50900D9A-98CF-4925-955E-0DE0CB882294}" srcOrd="0" destOrd="0" presId="urn:microsoft.com/office/officeart/2005/8/layout/hierarchy2"/>
    <dgm:cxn modelId="{C5DA53B2-5761-4EC6-9C2F-5C68F27EAE89}" type="presOf" srcId="{BF3852A2-6CB3-4328-B15B-CF0CABCB38E4}" destId="{696D672B-99CD-4562-B143-87CC20614ED1}" srcOrd="1" destOrd="0" presId="urn:microsoft.com/office/officeart/2005/8/layout/hierarchy2"/>
    <dgm:cxn modelId="{B25957EE-30AF-42E7-B006-EF23863A1CA3}" type="presOf" srcId="{431999C4-0FBE-4ABB-AC0E-7863F9D88F8E}" destId="{DE7334D2-FE5D-4D6B-9D76-8FF023EBAABE}" srcOrd="1" destOrd="0" presId="urn:microsoft.com/office/officeart/2005/8/layout/hierarchy2"/>
    <dgm:cxn modelId="{997D2F69-A1B7-46F5-B09A-49DC303D7E69}" type="presOf" srcId="{20B9BC8A-3EF7-4268-897C-4107412D8BDF}" destId="{BE39E999-9BFE-4DCD-A56D-AE4E6ABEE0BD}" srcOrd="0" destOrd="0" presId="urn:microsoft.com/office/officeart/2005/8/layout/hierarchy2"/>
    <dgm:cxn modelId="{AEF19C1C-3DEB-4CDF-BA4E-3689F20C41D1}" type="presOf" srcId="{8943D706-0E7B-49B4-A416-2D762FFF183A}" destId="{9946F7F3-0C51-42FF-8DE8-E8EABC719D57}" srcOrd="1" destOrd="0" presId="urn:microsoft.com/office/officeart/2005/8/layout/hierarchy2"/>
    <dgm:cxn modelId="{AFA93246-E412-44B3-9B2E-E6A6813BEA97}" type="presOf" srcId="{431999C4-0FBE-4ABB-AC0E-7863F9D88F8E}" destId="{FC9DFD0A-CECB-445C-91A9-396FC77011D3}" srcOrd="0" destOrd="0" presId="urn:microsoft.com/office/officeart/2005/8/layout/hierarchy2"/>
    <dgm:cxn modelId="{D4D3534F-6AF5-447E-A921-934F874A50C5}" srcId="{A5184A19-FA7D-48C9-842C-4EBBE0ED22EA}" destId="{20B9BC8A-3EF7-4268-897C-4107412D8BDF}" srcOrd="1" destOrd="0" parTransId="{348E3DB5-6179-4FED-833B-C1DDDFCBFE11}" sibTransId="{B11719C8-6A58-46F2-B7E6-623E0500EA71}"/>
    <dgm:cxn modelId="{DC2ED0FF-72C7-47F1-9BE7-7E1020B06E28}" srcId="{F56D7088-D778-46F1-96DC-781C672E3AE0}" destId="{045C5AE7-FE94-45A4-9115-5BBC632D3977}" srcOrd="0" destOrd="0" parTransId="{8943D706-0E7B-49B4-A416-2D762FFF183A}" sibTransId="{EB751005-BDB0-4A35-B9FF-BEBAD0BF756C}"/>
    <dgm:cxn modelId="{F70E46E8-D077-4CC8-AFD8-B70EE13D8346}" type="presOf" srcId="{913FCDC8-84AE-4C24-B042-829EB7DE9F5D}" destId="{291AFAAD-7EE7-4789-8033-4DD59A864100}" srcOrd="0" destOrd="0" presId="urn:microsoft.com/office/officeart/2005/8/layout/hierarchy2"/>
    <dgm:cxn modelId="{F59110B1-FB3B-46EF-8F8B-63BD5FF3D179}" type="presOf" srcId="{66E0506C-45CD-4F2C-90CD-266FCFA042D1}" destId="{8801631B-9D51-48E0-BB6E-93FD7671522D}" srcOrd="1" destOrd="0" presId="urn:microsoft.com/office/officeart/2005/8/layout/hierarchy2"/>
    <dgm:cxn modelId="{A2DF86E5-3292-4027-9942-5EE44E3B6DC4}" type="presOf" srcId="{800407EB-5CAD-4578-9B22-6521BA5ECB9D}" destId="{A08653EF-CD1A-471C-99D3-5882FCF18E88}" srcOrd="0" destOrd="0" presId="urn:microsoft.com/office/officeart/2005/8/layout/hierarchy2"/>
    <dgm:cxn modelId="{218B675C-B873-44B1-BFF6-397228733E86}" type="presOf" srcId="{BBEA3823-350C-484C-AF3B-4AED52932902}" destId="{D51E937A-CCD7-4B41-BAAB-C0BCCA9A39AE}" srcOrd="0" destOrd="0" presId="urn:microsoft.com/office/officeart/2005/8/layout/hierarchy2"/>
    <dgm:cxn modelId="{76419F44-73FE-4BA0-9F9D-71AA83F6BDDD}" type="presOf" srcId="{045C5AE7-FE94-45A4-9115-5BBC632D3977}" destId="{79447E20-553E-4D70-8D2E-319175C32B3A}" srcOrd="0" destOrd="0" presId="urn:microsoft.com/office/officeart/2005/8/layout/hierarchy2"/>
    <dgm:cxn modelId="{6CBA522D-53FE-4367-8BA9-19A1669EE594}" type="presOf" srcId="{C8E0D7D4-1C1A-48C0-AA38-0A00E5A41BB6}" destId="{7F8B6391-F751-4B63-BB84-C3274DFF860B}" srcOrd="0" destOrd="0" presId="urn:microsoft.com/office/officeart/2005/8/layout/hierarchy2"/>
    <dgm:cxn modelId="{347D8C64-3C82-4B50-A365-C26BCDCEE0ED}" type="presOf" srcId="{2C383A5B-8387-4600-8E34-F55537CF2740}" destId="{92F3D0A7-5BE5-4C4C-BD8C-39EE22AC4B82}" srcOrd="0" destOrd="0" presId="urn:microsoft.com/office/officeart/2005/8/layout/hierarchy2"/>
    <dgm:cxn modelId="{DDE1F0E9-3565-403B-9236-3B0627A7006D}" type="presParOf" srcId="{8C119F1E-FBE5-4B00-813C-42E75D97D374}" destId="{0394093F-E2FB-4934-9E76-65CE30DB34A3}" srcOrd="0" destOrd="0" presId="urn:microsoft.com/office/officeart/2005/8/layout/hierarchy2"/>
    <dgm:cxn modelId="{EEF3D41F-382E-4E7A-A0AB-7E29C5E8BDC6}" type="presParOf" srcId="{0394093F-E2FB-4934-9E76-65CE30DB34A3}" destId="{7F8B6391-F751-4B63-BB84-C3274DFF860B}" srcOrd="0" destOrd="0" presId="urn:microsoft.com/office/officeart/2005/8/layout/hierarchy2"/>
    <dgm:cxn modelId="{8ABC1515-97D8-479E-8CE1-680EEE07662B}" type="presParOf" srcId="{0394093F-E2FB-4934-9E76-65CE30DB34A3}" destId="{C223D2A1-CD6B-420B-881B-1C931A8C2D33}" srcOrd="1" destOrd="0" presId="urn:microsoft.com/office/officeart/2005/8/layout/hierarchy2"/>
    <dgm:cxn modelId="{2CD0D72C-191C-4338-A7A0-425A95BC2B2E}" type="presParOf" srcId="{C223D2A1-CD6B-420B-881B-1C931A8C2D33}" destId="{50900D9A-98CF-4925-955E-0DE0CB882294}" srcOrd="0" destOrd="0" presId="urn:microsoft.com/office/officeart/2005/8/layout/hierarchy2"/>
    <dgm:cxn modelId="{7FDF4EBA-8E82-4F49-82F5-4341AE2E0072}" type="presParOf" srcId="{50900D9A-98CF-4925-955E-0DE0CB882294}" destId="{02946A67-64A1-4799-9079-D20B33327C03}" srcOrd="0" destOrd="0" presId="urn:microsoft.com/office/officeart/2005/8/layout/hierarchy2"/>
    <dgm:cxn modelId="{52333826-37C2-482B-9B82-A16BA53B0B04}" type="presParOf" srcId="{C223D2A1-CD6B-420B-881B-1C931A8C2D33}" destId="{1FE9FE68-7E52-4865-B93C-FBE3B144CD89}" srcOrd="1" destOrd="0" presId="urn:microsoft.com/office/officeart/2005/8/layout/hierarchy2"/>
    <dgm:cxn modelId="{3203646E-33DF-4104-B088-5EDEDFA29DB7}" type="presParOf" srcId="{1FE9FE68-7E52-4865-B93C-FBE3B144CD89}" destId="{D0D796E5-07D0-4ABE-A3CA-67C0229FB8B7}" srcOrd="0" destOrd="0" presId="urn:microsoft.com/office/officeart/2005/8/layout/hierarchy2"/>
    <dgm:cxn modelId="{C154BDD3-1924-4774-A92E-237C653E9D91}" type="presParOf" srcId="{1FE9FE68-7E52-4865-B93C-FBE3B144CD89}" destId="{392145E3-23CF-40F1-AC6E-51E1F5C1F684}" srcOrd="1" destOrd="0" presId="urn:microsoft.com/office/officeart/2005/8/layout/hierarchy2"/>
    <dgm:cxn modelId="{4D28E85E-C2F6-4A70-AB39-3F3BF1244E9E}" type="presParOf" srcId="{392145E3-23CF-40F1-AC6E-51E1F5C1F684}" destId="{0AA598BC-6B99-41B1-A650-66E06AE1F186}" srcOrd="0" destOrd="0" presId="urn:microsoft.com/office/officeart/2005/8/layout/hierarchy2"/>
    <dgm:cxn modelId="{9920091C-0EEC-4EE5-930C-90A923C5E37D}" type="presParOf" srcId="{0AA598BC-6B99-41B1-A650-66E06AE1F186}" destId="{9946F7F3-0C51-42FF-8DE8-E8EABC719D57}" srcOrd="0" destOrd="0" presId="urn:microsoft.com/office/officeart/2005/8/layout/hierarchy2"/>
    <dgm:cxn modelId="{900A8985-254B-46F2-BF6B-F52978DDECB0}" type="presParOf" srcId="{392145E3-23CF-40F1-AC6E-51E1F5C1F684}" destId="{3E743ABC-C04A-4E1D-8EFE-C1C5D6DFE1CB}" srcOrd="1" destOrd="0" presId="urn:microsoft.com/office/officeart/2005/8/layout/hierarchy2"/>
    <dgm:cxn modelId="{CBE95796-D16B-4418-AC02-A80679AC9BD2}" type="presParOf" srcId="{3E743ABC-C04A-4E1D-8EFE-C1C5D6DFE1CB}" destId="{79447E20-553E-4D70-8D2E-319175C32B3A}" srcOrd="0" destOrd="0" presId="urn:microsoft.com/office/officeart/2005/8/layout/hierarchy2"/>
    <dgm:cxn modelId="{FA252574-8A02-4AB9-A630-68172A0B5C98}" type="presParOf" srcId="{3E743ABC-C04A-4E1D-8EFE-C1C5D6DFE1CB}" destId="{FFC681E3-DE61-495B-81A8-A17AE0D6EA3A}" srcOrd="1" destOrd="0" presId="urn:microsoft.com/office/officeart/2005/8/layout/hierarchy2"/>
    <dgm:cxn modelId="{3A884E53-0C9C-4A45-A6D9-59C412979D4E}" type="presParOf" srcId="{392145E3-23CF-40F1-AC6E-51E1F5C1F684}" destId="{8FAD906B-1975-4118-A734-F52E8A75D9CB}" srcOrd="2" destOrd="0" presId="urn:microsoft.com/office/officeart/2005/8/layout/hierarchy2"/>
    <dgm:cxn modelId="{34D9B4DC-B58C-4251-B2A9-B0C3615CF1EF}" type="presParOf" srcId="{8FAD906B-1975-4118-A734-F52E8A75D9CB}" destId="{61BF2B1D-2B09-4AD8-A13F-E755EFAA052B}" srcOrd="0" destOrd="0" presId="urn:microsoft.com/office/officeart/2005/8/layout/hierarchy2"/>
    <dgm:cxn modelId="{256F2B95-5188-4D4E-B8D9-0CC1B910866A}" type="presParOf" srcId="{392145E3-23CF-40F1-AC6E-51E1F5C1F684}" destId="{3E230D75-F53F-4C46-9F6F-EE8178F5A705}" srcOrd="3" destOrd="0" presId="urn:microsoft.com/office/officeart/2005/8/layout/hierarchy2"/>
    <dgm:cxn modelId="{C5B8A82D-F6EE-4DA6-8134-F790BE430DC4}" type="presParOf" srcId="{3E230D75-F53F-4C46-9F6F-EE8178F5A705}" destId="{8570F73E-163C-4E1F-88A6-E6B6F1944C1A}" srcOrd="0" destOrd="0" presId="urn:microsoft.com/office/officeart/2005/8/layout/hierarchy2"/>
    <dgm:cxn modelId="{88E6A38A-ABA5-4C8F-9DA1-28F6CF849752}" type="presParOf" srcId="{3E230D75-F53F-4C46-9F6F-EE8178F5A705}" destId="{7507B6D6-7AEC-4FC9-94A0-6AB972377957}" srcOrd="1" destOrd="0" presId="urn:microsoft.com/office/officeart/2005/8/layout/hierarchy2"/>
    <dgm:cxn modelId="{0187AF31-78CF-45EF-A9BA-9A2B8F7FDB51}" type="presParOf" srcId="{392145E3-23CF-40F1-AC6E-51E1F5C1F684}" destId="{92F3D0A7-5BE5-4C4C-BD8C-39EE22AC4B82}" srcOrd="4" destOrd="0" presId="urn:microsoft.com/office/officeart/2005/8/layout/hierarchy2"/>
    <dgm:cxn modelId="{12F26A21-94D2-4CEC-9E7B-1E68BE97E3B0}" type="presParOf" srcId="{92F3D0A7-5BE5-4C4C-BD8C-39EE22AC4B82}" destId="{130FEF80-B7AD-480B-ADE7-EB85E3593A2C}" srcOrd="0" destOrd="0" presId="urn:microsoft.com/office/officeart/2005/8/layout/hierarchy2"/>
    <dgm:cxn modelId="{210EC1F0-5084-4E28-B19B-987E8EDCF729}" type="presParOf" srcId="{392145E3-23CF-40F1-AC6E-51E1F5C1F684}" destId="{96FB0FCC-0074-464C-9B1D-515FB1A3E1E3}" srcOrd="5" destOrd="0" presId="urn:microsoft.com/office/officeart/2005/8/layout/hierarchy2"/>
    <dgm:cxn modelId="{027FC84E-5A12-4DB3-8118-4786A547D4B9}" type="presParOf" srcId="{96FB0FCC-0074-464C-9B1D-515FB1A3E1E3}" destId="{D51E937A-CCD7-4B41-BAAB-C0BCCA9A39AE}" srcOrd="0" destOrd="0" presId="urn:microsoft.com/office/officeart/2005/8/layout/hierarchy2"/>
    <dgm:cxn modelId="{47BBB6DD-C620-4C1B-9C40-6685CC039387}" type="presParOf" srcId="{96FB0FCC-0074-464C-9B1D-515FB1A3E1E3}" destId="{AF539C89-A1C2-4B1D-A6D7-2FC1E4419A8B}" srcOrd="1" destOrd="0" presId="urn:microsoft.com/office/officeart/2005/8/layout/hierarchy2"/>
    <dgm:cxn modelId="{A7769407-14D0-4BC0-9EB1-7ED51397800C}" type="presParOf" srcId="{C223D2A1-CD6B-420B-881B-1C931A8C2D33}" destId="{375ECEB7-723E-4029-B9A2-ACAC4828E2C4}" srcOrd="2" destOrd="0" presId="urn:microsoft.com/office/officeart/2005/8/layout/hierarchy2"/>
    <dgm:cxn modelId="{2548CB06-2A39-4A92-B4EE-B04CD3361973}" type="presParOf" srcId="{375ECEB7-723E-4029-B9A2-ACAC4828E2C4}" destId="{696D672B-99CD-4562-B143-87CC20614ED1}" srcOrd="0" destOrd="0" presId="urn:microsoft.com/office/officeart/2005/8/layout/hierarchy2"/>
    <dgm:cxn modelId="{A1B80A48-BD7B-4908-A3BA-E29C4A1FE377}" type="presParOf" srcId="{C223D2A1-CD6B-420B-881B-1C931A8C2D33}" destId="{B5A0748B-97DE-44BD-8CF7-3070C2361061}" srcOrd="3" destOrd="0" presId="urn:microsoft.com/office/officeart/2005/8/layout/hierarchy2"/>
    <dgm:cxn modelId="{07212830-421E-472C-BA46-E4CED9A43662}" type="presParOf" srcId="{B5A0748B-97DE-44BD-8CF7-3070C2361061}" destId="{F9054BCA-CFCE-423E-8D9E-385D1B6C455A}" srcOrd="0" destOrd="0" presId="urn:microsoft.com/office/officeart/2005/8/layout/hierarchy2"/>
    <dgm:cxn modelId="{8EBF8FBC-91E7-4016-8192-FBCC9BBA95C5}" type="presParOf" srcId="{B5A0748B-97DE-44BD-8CF7-3070C2361061}" destId="{61FD9580-B8C9-4D23-B027-E9CA7CB468F6}" srcOrd="1" destOrd="0" presId="urn:microsoft.com/office/officeart/2005/8/layout/hierarchy2"/>
    <dgm:cxn modelId="{3DEB437B-D499-427C-B046-E96B704A36C9}" type="presParOf" srcId="{61FD9580-B8C9-4D23-B027-E9CA7CB468F6}" destId="{291AFAAD-7EE7-4789-8033-4DD59A864100}" srcOrd="0" destOrd="0" presId="urn:microsoft.com/office/officeart/2005/8/layout/hierarchy2"/>
    <dgm:cxn modelId="{263D888F-E088-429A-B2B2-110D49B381E1}" type="presParOf" srcId="{291AFAAD-7EE7-4789-8033-4DD59A864100}" destId="{05B61DC3-CCDB-43CE-BA71-2B1A40DEA220}" srcOrd="0" destOrd="0" presId="urn:microsoft.com/office/officeart/2005/8/layout/hierarchy2"/>
    <dgm:cxn modelId="{581300C4-0538-4C10-8D8E-B6D4FA4A9643}" type="presParOf" srcId="{61FD9580-B8C9-4D23-B027-E9CA7CB468F6}" destId="{0B24E35E-0E39-4410-A053-AA00DE6D3579}" srcOrd="1" destOrd="0" presId="urn:microsoft.com/office/officeart/2005/8/layout/hierarchy2"/>
    <dgm:cxn modelId="{743052F5-9DF0-4728-87EF-CE3A9CE1932D}" type="presParOf" srcId="{0B24E35E-0E39-4410-A053-AA00DE6D3579}" destId="{A8539265-AC67-499D-B7A2-019E066C799C}" srcOrd="0" destOrd="0" presId="urn:microsoft.com/office/officeart/2005/8/layout/hierarchy2"/>
    <dgm:cxn modelId="{EC330250-A239-4CE7-B4F2-B8A2FF8EE3DE}" type="presParOf" srcId="{0B24E35E-0E39-4410-A053-AA00DE6D3579}" destId="{24848420-D809-43CB-9D18-83B7B334431D}" srcOrd="1" destOrd="0" presId="urn:microsoft.com/office/officeart/2005/8/layout/hierarchy2"/>
    <dgm:cxn modelId="{0AEB1AB3-0690-4FEB-84CE-F03B428E24E5}" type="presParOf" srcId="{61FD9580-B8C9-4D23-B027-E9CA7CB468F6}" destId="{9B1D516A-65B8-4B24-ACEA-46773DA1C3A1}" srcOrd="2" destOrd="0" presId="urn:microsoft.com/office/officeart/2005/8/layout/hierarchy2"/>
    <dgm:cxn modelId="{792E32A2-6594-492E-AC1A-87B39470B75B}" type="presParOf" srcId="{9B1D516A-65B8-4B24-ACEA-46773DA1C3A1}" destId="{F2217737-7CE3-4E36-99B7-4C04AF7647D7}" srcOrd="0" destOrd="0" presId="urn:microsoft.com/office/officeart/2005/8/layout/hierarchy2"/>
    <dgm:cxn modelId="{CFC85C30-0E9F-4180-9AD4-5500715CE106}" type="presParOf" srcId="{61FD9580-B8C9-4D23-B027-E9CA7CB468F6}" destId="{EA8638CB-4843-4D86-9716-33197B362CAA}" srcOrd="3" destOrd="0" presId="urn:microsoft.com/office/officeart/2005/8/layout/hierarchy2"/>
    <dgm:cxn modelId="{6248B35D-6E5D-421C-BFC0-6733C2490527}" type="presParOf" srcId="{EA8638CB-4843-4D86-9716-33197B362CAA}" destId="{BE39E999-9BFE-4DCD-A56D-AE4E6ABEE0BD}" srcOrd="0" destOrd="0" presId="urn:microsoft.com/office/officeart/2005/8/layout/hierarchy2"/>
    <dgm:cxn modelId="{70D649A0-07C9-4BC1-A793-09A699B9364B}" type="presParOf" srcId="{EA8638CB-4843-4D86-9716-33197B362CAA}" destId="{0A460551-3EC3-4B91-9C8D-1711E15C503B}" srcOrd="1" destOrd="0" presId="urn:microsoft.com/office/officeart/2005/8/layout/hierarchy2"/>
    <dgm:cxn modelId="{5B65B4A3-EE46-400B-A7BE-EDA8CC0F26D3}" type="presParOf" srcId="{61FD9580-B8C9-4D23-B027-E9CA7CB468F6}" destId="{FD56211E-F1C3-438B-92D5-8E96CF0C61F5}" srcOrd="4" destOrd="0" presId="urn:microsoft.com/office/officeart/2005/8/layout/hierarchy2"/>
    <dgm:cxn modelId="{02E4507D-892F-408C-9C34-48849A1A6FD4}" type="presParOf" srcId="{FD56211E-F1C3-438B-92D5-8E96CF0C61F5}" destId="{8801631B-9D51-48E0-BB6E-93FD7671522D}" srcOrd="0" destOrd="0" presId="urn:microsoft.com/office/officeart/2005/8/layout/hierarchy2"/>
    <dgm:cxn modelId="{47838562-572A-4B2F-BC57-6E718BEB24EE}" type="presParOf" srcId="{61FD9580-B8C9-4D23-B027-E9CA7CB468F6}" destId="{B68793B8-02AB-415E-84FC-2996D8C2667B}" srcOrd="5" destOrd="0" presId="urn:microsoft.com/office/officeart/2005/8/layout/hierarchy2"/>
    <dgm:cxn modelId="{E6E30F39-0CBD-457C-B1C2-83A187E8DB1A}" type="presParOf" srcId="{B68793B8-02AB-415E-84FC-2996D8C2667B}" destId="{D311199E-7ECB-43A8-A5B1-D99AE8694AAB}" srcOrd="0" destOrd="0" presId="urn:microsoft.com/office/officeart/2005/8/layout/hierarchy2"/>
    <dgm:cxn modelId="{092439EE-B8E4-46EC-8F4B-006C6BF23C21}" type="presParOf" srcId="{B68793B8-02AB-415E-84FC-2996D8C2667B}" destId="{EDC9BD0D-1871-462F-BC77-B95E93113988}" srcOrd="1" destOrd="0" presId="urn:microsoft.com/office/officeart/2005/8/layout/hierarchy2"/>
    <dgm:cxn modelId="{71AA061F-7B7E-477E-A30C-B9848735D7E1}" type="presParOf" srcId="{C223D2A1-CD6B-420B-881B-1C931A8C2D33}" destId="{186F7009-CCCC-4103-9D1E-86A28A1EB004}" srcOrd="4" destOrd="0" presId="urn:microsoft.com/office/officeart/2005/8/layout/hierarchy2"/>
    <dgm:cxn modelId="{376514E5-E5A8-48D0-A406-FF4FFF7EB320}" type="presParOf" srcId="{186F7009-CCCC-4103-9D1E-86A28A1EB004}" destId="{4420365A-E416-419B-BA65-562E070284DA}" srcOrd="0" destOrd="0" presId="urn:microsoft.com/office/officeart/2005/8/layout/hierarchy2"/>
    <dgm:cxn modelId="{1B8CB611-1222-4A71-AD56-B377C070C1D0}" type="presParOf" srcId="{C223D2A1-CD6B-420B-881B-1C931A8C2D33}" destId="{7627E96A-C86F-4425-9936-BD0391192DD2}" srcOrd="5" destOrd="0" presId="urn:microsoft.com/office/officeart/2005/8/layout/hierarchy2"/>
    <dgm:cxn modelId="{583636AB-C7BB-4EF6-AB5E-887DA9810074}" type="presParOf" srcId="{7627E96A-C86F-4425-9936-BD0391192DD2}" destId="{A08653EF-CD1A-471C-99D3-5882FCF18E88}" srcOrd="0" destOrd="0" presId="urn:microsoft.com/office/officeart/2005/8/layout/hierarchy2"/>
    <dgm:cxn modelId="{8564CDBF-CD15-4AA4-A996-D36C7B1D4EB2}" type="presParOf" srcId="{7627E96A-C86F-4425-9936-BD0391192DD2}" destId="{F52A0EBD-1947-4408-A480-F9E97AEC6E8D}" srcOrd="1" destOrd="0" presId="urn:microsoft.com/office/officeart/2005/8/layout/hierarchy2"/>
    <dgm:cxn modelId="{3A107B14-EFC5-49B0-BA37-115C72BCE146}" type="presParOf" srcId="{F52A0EBD-1947-4408-A480-F9E97AEC6E8D}" destId="{80AB299C-FE9A-46B2-8191-6DA9AAC9194B}" srcOrd="0" destOrd="0" presId="urn:microsoft.com/office/officeart/2005/8/layout/hierarchy2"/>
    <dgm:cxn modelId="{8E6FAF4E-0A3C-4500-BA75-E97AEE6E61A2}" type="presParOf" srcId="{80AB299C-FE9A-46B2-8191-6DA9AAC9194B}" destId="{4B066924-B815-4F37-9A08-127F926BEDF1}" srcOrd="0" destOrd="0" presId="urn:microsoft.com/office/officeart/2005/8/layout/hierarchy2"/>
    <dgm:cxn modelId="{25379E80-A059-44E2-8762-A5558EDFCBB3}" type="presParOf" srcId="{F52A0EBD-1947-4408-A480-F9E97AEC6E8D}" destId="{8CA69C69-609B-4807-A7A2-CDF5EB454570}" srcOrd="1" destOrd="0" presId="urn:microsoft.com/office/officeart/2005/8/layout/hierarchy2"/>
    <dgm:cxn modelId="{4680858C-91DD-4882-8693-D98AB578DD19}" type="presParOf" srcId="{8CA69C69-609B-4807-A7A2-CDF5EB454570}" destId="{FC1B7D85-7BF7-4DD6-B2BC-DEC242EE6EF7}" srcOrd="0" destOrd="0" presId="urn:microsoft.com/office/officeart/2005/8/layout/hierarchy2"/>
    <dgm:cxn modelId="{A99629F4-F6AD-43F4-80AE-D3E8B92D949F}" type="presParOf" srcId="{8CA69C69-609B-4807-A7A2-CDF5EB454570}" destId="{2C307B64-746D-4D55-BBE1-A189830E36AB}" srcOrd="1" destOrd="0" presId="urn:microsoft.com/office/officeart/2005/8/layout/hierarchy2"/>
    <dgm:cxn modelId="{3BC801B8-F10B-451E-A820-39BBC7D969AF}" type="presParOf" srcId="{F52A0EBD-1947-4408-A480-F9E97AEC6E8D}" destId="{FC9DFD0A-CECB-445C-91A9-396FC77011D3}" srcOrd="2" destOrd="0" presId="urn:microsoft.com/office/officeart/2005/8/layout/hierarchy2"/>
    <dgm:cxn modelId="{A19CA163-AA38-4B8E-83BE-D600F0577710}" type="presParOf" srcId="{FC9DFD0A-CECB-445C-91A9-396FC77011D3}" destId="{DE7334D2-FE5D-4D6B-9D76-8FF023EBAABE}" srcOrd="0" destOrd="0" presId="urn:microsoft.com/office/officeart/2005/8/layout/hierarchy2"/>
    <dgm:cxn modelId="{7995BFDD-33F6-44BE-B890-83B9EE03CA20}" type="presParOf" srcId="{F52A0EBD-1947-4408-A480-F9E97AEC6E8D}" destId="{55DF9744-5CAF-4415-B6CC-FFF7E4DE38E1}" srcOrd="3" destOrd="0" presId="urn:microsoft.com/office/officeart/2005/8/layout/hierarchy2"/>
    <dgm:cxn modelId="{D8EDBAAD-58C3-4E4D-9738-2E29DB1003FD}" type="presParOf" srcId="{55DF9744-5CAF-4415-B6CC-FFF7E4DE38E1}" destId="{C6D84FE3-5D28-48E7-A6AE-1A264A1CDCD8}" srcOrd="0" destOrd="0" presId="urn:microsoft.com/office/officeart/2005/8/layout/hierarchy2"/>
    <dgm:cxn modelId="{E00350EA-E48A-4BD8-9528-1284D4E8DD05}" type="presParOf" srcId="{55DF9744-5CAF-4415-B6CC-FFF7E4DE38E1}" destId="{07486BAF-1A65-4F37-9548-48B89E6DBC95}" srcOrd="1" destOrd="0" presId="urn:microsoft.com/office/officeart/2005/8/layout/hierarchy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51652718-433B-462E-9D14-B7B38BB1EA6F}" type="doc">
      <dgm:prSet loTypeId="urn:microsoft.com/office/officeart/2005/8/layout/process1" loCatId="process" qsTypeId="urn:microsoft.com/office/officeart/2005/8/quickstyle/simple1" qsCatId="simple" csTypeId="urn:microsoft.com/office/officeart/2005/8/colors/accent1_2" csCatId="accent1" phldr="1"/>
      <dgm:spPr/>
    </dgm:pt>
    <dgm:pt modelId="{8A99CA11-49D2-46C1-A882-AB0BCE40A3D3}">
      <dgm:prSet phldrT="[Tekst]" custT="1"/>
      <dgm:spPr/>
      <dgm:t>
        <a:bodyPr/>
        <a:lstStyle/>
        <a:p>
          <a:r>
            <a:rPr lang="nl-NL" sz="1600" dirty="0" smtClean="0">
              <a:solidFill>
                <a:srgbClr val="00B050"/>
              </a:solidFill>
            </a:rPr>
            <a:t>Aanmelding</a:t>
          </a:r>
        </a:p>
        <a:p>
          <a:r>
            <a:rPr lang="nl-NL" sz="1600" dirty="0" smtClean="0">
              <a:solidFill>
                <a:srgbClr val="00B050"/>
              </a:solidFill>
            </a:rPr>
            <a:t>156 sec</a:t>
          </a:r>
          <a:endParaRPr lang="nl-NL" sz="1600" dirty="0">
            <a:solidFill>
              <a:srgbClr val="00B050"/>
            </a:solidFill>
          </a:endParaRPr>
        </a:p>
      </dgm:t>
    </dgm:pt>
    <dgm:pt modelId="{4F7B800E-4910-49C8-873A-E2FB20D92B64}" type="parTrans" cxnId="{3D16CD8C-F32B-4CA9-8BB4-60F0DCAFC4A3}">
      <dgm:prSet/>
      <dgm:spPr/>
      <dgm:t>
        <a:bodyPr/>
        <a:lstStyle/>
        <a:p>
          <a:endParaRPr lang="nl-NL"/>
        </a:p>
      </dgm:t>
    </dgm:pt>
    <dgm:pt modelId="{91BC7027-1E1F-4ED0-BA20-184762FCE033}" type="sibTrans" cxnId="{3D16CD8C-F32B-4CA9-8BB4-60F0DCAFC4A3}">
      <dgm:prSet/>
      <dgm:spPr/>
      <dgm:t>
        <a:bodyPr/>
        <a:lstStyle/>
        <a:p>
          <a:endParaRPr lang="nl-NL" dirty="0"/>
        </a:p>
      </dgm:t>
    </dgm:pt>
    <dgm:pt modelId="{8A116478-7268-497B-BC5B-E42CEC6CE3A3}">
      <dgm:prSet phldrT="[Tekst]" custT="1"/>
      <dgm:spPr/>
      <dgm:t>
        <a:bodyPr/>
        <a:lstStyle/>
        <a:p>
          <a:r>
            <a:rPr lang="nl-NL" sz="1600" dirty="0" smtClean="0">
              <a:solidFill>
                <a:srgbClr val="FF0000"/>
              </a:solidFill>
            </a:rPr>
            <a:t>Wachten</a:t>
          </a:r>
        </a:p>
        <a:p>
          <a:r>
            <a:rPr lang="nl-NL" sz="1600" dirty="0" smtClean="0">
              <a:solidFill>
                <a:srgbClr val="FF0000"/>
              </a:solidFill>
            </a:rPr>
            <a:t>Totaal 8460 sec </a:t>
          </a:r>
          <a:endParaRPr lang="nl-NL" sz="1600" dirty="0">
            <a:solidFill>
              <a:srgbClr val="FF0000"/>
            </a:solidFill>
          </a:endParaRPr>
        </a:p>
      </dgm:t>
    </dgm:pt>
    <dgm:pt modelId="{85774039-B77F-4AA4-8492-6024FC2E1CF7}" type="parTrans" cxnId="{BAC9938E-BBB1-4E5A-92F3-C8B9E3477EFB}">
      <dgm:prSet/>
      <dgm:spPr/>
      <dgm:t>
        <a:bodyPr/>
        <a:lstStyle/>
        <a:p>
          <a:endParaRPr lang="nl-NL"/>
        </a:p>
      </dgm:t>
    </dgm:pt>
    <dgm:pt modelId="{072E027B-060F-4116-A30A-7A732AF8C48C}" type="sibTrans" cxnId="{BAC9938E-BBB1-4E5A-92F3-C8B9E3477EFB}">
      <dgm:prSet/>
      <dgm:spPr/>
      <dgm:t>
        <a:bodyPr/>
        <a:lstStyle/>
        <a:p>
          <a:endParaRPr lang="nl-NL" dirty="0"/>
        </a:p>
      </dgm:t>
    </dgm:pt>
    <dgm:pt modelId="{82D0D25F-F277-417C-9556-3A2D00753FD0}">
      <dgm:prSet phldrT="[Tekst]" custT="1"/>
      <dgm:spPr/>
      <dgm:t>
        <a:bodyPr/>
        <a:lstStyle/>
        <a:p>
          <a:r>
            <a:rPr lang="nl-NL" sz="1600" dirty="0" smtClean="0">
              <a:solidFill>
                <a:srgbClr val="00B050"/>
              </a:solidFill>
            </a:rPr>
            <a:t>VPK opname</a:t>
          </a:r>
        </a:p>
        <a:p>
          <a:r>
            <a:rPr lang="nl-NL" sz="1600" dirty="0" smtClean="0">
              <a:solidFill>
                <a:srgbClr val="00B050"/>
              </a:solidFill>
            </a:rPr>
            <a:t>1260 sec</a:t>
          </a:r>
          <a:endParaRPr lang="nl-NL" sz="1600" dirty="0">
            <a:solidFill>
              <a:srgbClr val="00B050"/>
            </a:solidFill>
          </a:endParaRPr>
        </a:p>
      </dgm:t>
    </dgm:pt>
    <dgm:pt modelId="{E7BF58A7-7BF2-4D2A-9BA0-37B8EBB0EEEB}" type="parTrans" cxnId="{B12B119B-B5A7-42B2-BBC2-A7B5CC72A473}">
      <dgm:prSet/>
      <dgm:spPr/>
      <dgm:t>
        <a:bodyPr/>
        <a:lstStyle/>
        <a:p>
          <a:endParaRPr lang="nl-NL"/>
        </a:p>
      </dgm:t>
    </dgm:pt>
    <dgm:pt modelId="{22C8E472-1A6C-4E12-8D11-285A46F8CF9A}" type="sibTrans" cxnId="{B12B119B-B5A7-42B2-BBC2-A7B5CC72A473}">
      <dgm:prSet/>
      <dgm:spPr/>
      <dgm:t>
        <a:bodyPr/>
        <a:lstStyle/>
        <a:p>
          <a:endParaRPr lang="nl-NL" dirty="0"/>
        </a:p>
      </dgm:t>
    </dgm:pt>
    <dgm:pt modelId="{04F3E3F0-D9F7-4B02-A41A-2357069D6B2F}">
      <dgm:prSet phldrT="[Tekst]" custT="1"/>
      <dgm:spPr/>
      <dgm:t>
        <a:bodyPr/>
        <a:lstStyle/>
        <a:p>
          <a:r>
            <a:rPr lang="nl-NL" sz="1600" dirty="0" smtClean="0">
              <a:solidFill>
                <a:srgbClr val="FF0000"/>
              </a:solidFill>
            </a:rPr>
            <a:t>Wachten</a:t>
          </a:r>
        </a:p>
        <a:p>
          <a:r>
            <a:rPr lang="nl-NL" sz="1600" dirty="0" smtClean="0">
              <a:solidFill>
                <a:srgbClr val="FF0000"/>
              </a:solidFill>
            </a:rPr>
            <a:t>Totaal 8460 sec</a:t>
          </a:r>
          <a:endParaRPr lang="nl-NL" sz="1600" dirty="0">
            <a:solidFill>
              <a:srgbClr val="FF0000"/>
            </a:solidFill>
          </a:endParaRPr>
        </a:p>
      </dgm:t>
    </dgm:pt>
    <dgm:pt modelId="{87CA5E58-1EB8-43C4-860A-4BA4C68AA36F}" type="parTrans" cxnId="{6646CEF7-E73A-428E-9027-0376FB56E215}">
      <dgm:prSet/>
      <dgm:spPr/>
      <dgm:t>
        <a:bodyPr/>
        <a:lstStyle/>
        <a:p>
          <a:endParaRPr lang="nl-NL"/>
        </a:p>
      </dgm:t>
    </dgm:pt>
    <dgm:pt modelId="{1565E170-4E14-4DAF-A5DB-5E5943426D94}" type="sibTrans" cxnId="{6646CEF7-E73A-428E-9027-0376FB56E215}">
      <dgm:prSet/>
      <dgm:spPr/>
      <dgm:t>
        <a:bodyPr/>
        <a:lstStyle/>
        <a:p>
          <a:endParaRPr lang="nl-NL" dirty="0"/>
        </a:p>
      </dgm:t>
    </dgm:pt>
    <dgm:pt modelId="{02403103-F64E-4BC9-BFEA-1AE0EBC8738B}">
      <dgm:prSet phldrT="[Tekst]" custT="1"/>
      <dgm:spPr/>
      <dgm:t>
        <a:bodyPr/>
        <a:lstStyle/>
        <a:p>
          <a:r>
            <a:rPr lang="nl-NL" sz="1600" dirty="0" smtClean="0">
              <a:solidFill>
                <a:srgbClr val="00B050"/>
              </a:solidFill>
            </a:rPr>
            <a:t>ECV</a:t>
          </a:r>
        </a:p>
        <a:p>
          <a:r>
            <a:rPr lang="nl-NL" sz="1600" dirty="0" smtClean="0">
              <a:solidFill>
                <a:srgbClr val="00B050"/>
              </a:solidFill>
            </a:rPr>
            <a:t>900sec </a:t>
          </a:r>
          <a:endParaRPr lang="nl-NL" sz="1600" dirty="0">
            <a:solidFill>
              <a:srgbClr val="00B050"/>
            </a:solidFill>
          </a:endParaRPr>
        </a:p>
      </dgm:t>
    </dgm:pt>
    <dgm:pt modelId="{AE09FBE7-5358-45C8-B13B-E14A1A9F8DC5}" type="parTrans" cxnId="{28D1298C-5629-422C-9D2F-906FDA445F1E}">
      <dgm:prSet/>
      <dgm:spPr/>
      <dgm:t>
        <a:bodyPr/>
        <a:lstStyle/>
        <a:p>
          <a:endParaRPr lang="nl-NL"/>
        </a:p>
      </dgm:t>
    </dgm:pt>
    <dgm:pt modelId="{2EA28719-8C7D-41E4-81A5-3B0DF8C3204D}" type="sibTrans" cxnId="{28D1298C-5629-422C-9D2F-906FDA445F1E}">
      <dgm:prSet/>
      <dgm:spPr/>
      <dgm:t>
        <a:bodyPr/>
        <a:lstStyle/>
        <a:p>
          <a:endParaRPr lang="nl-NL"/>
        </a:p>
      </dgm:t>
    </dgm:pt>
    <dgm:pt modelId="{F2DC505F-55C3-4BEF-AB8B-C40F86EFCB7D}" type="pres">
      <dgm:prSet presAssocID="{51652718-433B-462E-9D14-B7B38BB1EA6F}" presName="Name0" presStyleCnt="0">
        <dgm:presLayoutVars>
          <dgm:dir/>
          <dgm:resizeHandles val="exact"/>
        </dgm:presLayoutVars>
      </dgm:prSet>
      <dgm:spPr/>
    </dgm:pt>
    <dgm:pt modelId="{D132F42D-DE4A-4DB2-83AA-D3D75A7A235C}" type="pres">
      <dgm:prSet presAssocID="{8A99CA11-49D2-46C1-A882-AB0BCE40A3D3}" presName="node" presStyleLbl="node1" presStyleIdx="0" presStyleCnt="5">
        <dgm:presLayoutVars>
          <dgm:bulletEnabled val="1"/>
        </dgm:presLayoutVars>
      </dgm:prSet>
      <dgm:spPr/>
      <dgm:t>
        <a:bodyPr/>
        <a:lstStyle/>
        <a:p>
          <a:endParaRPr lang="nl-NL"/>
        </a:p>
      </dgm:t>
    </dgm:pt>
    <dgm:pt modelId="{4CA60667-4EFA-4909-A839-BD6AF1FDC6F1}" type="pres">
      <dgm:prSet presAssocID="{91BC7027-1E1F-4ED0-BA20-184762FCE033}" presName="sibTrans" presStyleLbl="sibTrans2D1" presStyleIdx="0" presStyleCnt="4"/>
      <dgm:spPr/>
      <dgm:t>
        <a:bodyPr/>
        <a:lstStyle/>
        <a:p>
          <a:endParaRPr lang="nl-NL"/>
        </a:p>
      </dgm:t>
    </dgm:pt>
    <dgm:pt modelId="{3B01790A-02BA-4BB9-A34F-8BE74020EB60}" type="pres">
      <dgm:prSet presAssocID="{91BC7027-1E1F-4ED0-BA20-184762FCE033}" presName="connectorText" presStyleLbl="sibTrans2D1" presStyleIdx="0" presStyleCnt="4"/>
      <dgm:spPr/>
      <dgm:t>
        <a:bodyPr/>
        <a:lstStyle/>
        <a:p>
          <a:endParaRPr lang="nl-NL"/>
        </a:p>
      </dgm:t>
    </dgm:pt>
    <dgm:pt modelId="{7DB8649E-7E56-4111-8166-D0C3B28BE9BF}" type="pres">
      <dgm:prSet presAssocID="{8A116478-7268-497B-BC5B-E42CEC6CE3A3}" presName="node" presStyleLbl="node1" presStyleIdx="1" presStyleCnt="5">
        <dgm:presLayoutVars>
          <dgm:bulletEnabled val="1"/>
        </dgm:presLayoutVars>
      </dgm:prSet>
      <dgm:spPr/>
      <dgm:t>
        <a:bodyPr/>
        <a:lstStyle/>
        <a:p>
          <a:endParaRPr lang="nl-NL"/>
        </a:p>
      </dgm:t>
    </dgm:pt>
    <dgm:pt modelId="{A46263C9-AFE8-496F-86DE-F16DD3AC06C3}" type="pres">
      <dgm:prSet presAssocID="{072E027B-060F-4116-A30A-7A732AF8C48C}" presName="sibTrans" presStyleLbl="sibTrans2D1" presStyleIdx="1" presStyleCnt="4"/>
      <dgm:spPr/>
      <dgm:t>
        <a:bodyPr/>
        <a:lstStyle/>
        <a:p>
          <a:endParaRPr lang="nl-NL"/>
        </a:p>
      </dgm:t>
    </dgm:pt>
    <dgm:pt modelId="{8AA6F061-1626-47B7-8660-5844BB3BCF98}" type="pres">
      <dgm:prSet presAssocID="{072E027B-060F-4116-A30A-7A732AF8C48C}" presName="connectorText" presStyleLbl="sibTrans2D1" presStyleIdx="1" presStyleCnt="4"/>
      <dgm:spPr/>
      <dgm:t>
        <a:bodyPr/>
        <a:lstStyle/>
        <a:p>
          <a:endParaRPr lang="nl-NL"/>
        </a:p>
      </dgm:t>
    </dgm:pt>
    <dgm:pt modelId="{C5E2F64B-6D4E-4EAE-A580-2B93D462EFF1}" type="pres">
      <dgm:prSet presAssocID="{82D0D25F-F277-417C-9556-3A2D00753FD0}" presName="node" presStyleLbl="node1" presStyleIdx="2" presStyleCnt="5">
        <dgm:presLayoutVars>
          <dgm:bulletEnabled val="1"/>
        </dgm:presLayoutVars>
      </dgm:prSet>
      <dgm:spPr/>
      <dgm:t>
        <a:bodyPr/>
        <a:lstStyle/>
        <a:p>
          <a:endParaRPr lang="nl-NL"/>
        </a:p>
      </dgm:t>
    </dgm:pt>
    <dgm:pt modelId="{4E3A8074-0094-4C02-B30B-9481FAB61402}" type="pres">
      <dgm:prSet presAssocID="{22C8E472-1A6C-4E12-8D11-285A46F8CF9A}" presName="sibTrans" presStyleLbl="sibTrans2D1" presStyleIdx="2" presStyleCnt="4"/>
      <dgm:spPr/>
      <dgm:t>
        <a:bodyPr/>
        <a:lstStyle/>
        <a:p>
          <a:endParaRPr lang="nl-NL"/>
        </a:p>
      </dgm:t>
    </dgm:pt>
    <dgm:pt modelId="{4CA04800-1938-4F0F-A995-3C71EAB1B1D7}" type="pres">
      <dgm:prSet presAssocID="{22C8E472-1A6C-4E12-8D11-285A46F8CF9A}" presName="connectorText" presStyleLbl="sibTrans2D1" presStyleIdx="2" presStyleCnt="4"/>
      <dgm:spPr/>
      <dgm:t>
        <a:bodyPr/>
        <a:lstStyle/>
        <a:p>
          <a:endParaRPr lang="nl-NL"/>
        </a:p>
      </dgm:t>
    </dgm:pt>
    <dgm:pt modelId="{6C80E228-413F-4404-99CB-06E251459D21}" type="pres">
      <dgm:prSet presAssocID="{04F3E3F0-D9F7-4B02-A41A-2357069D6B2F}" presName="node" presStyleLbl="node1" presStyleIdx="3" presStyleCnt="5">
        <dgm:presLayoutVars>
          <dgm:bulletEnabled val="1"/>
        </dgm:presLayoutVars>
      </dgm:prSet>
      <dgm:spPr/>
      <dgm:t>
        <a:bodyPr/>
        <a:lstStyle/>
        <a:p>
          <a:endParaRPr lang="nl-NL"/>
        </a:p>
      </dgm:t>
    </dgm:pt>
    <dgm:pt modelId="{88C0A38E-8F58-42FF-9CFD-ABF5C99F74C9}" type="pres">
      <dgm:prSet presAssocID="{1565E170-4E14-4DAF-A5DB-5E5943426D94}" presName="sibTrans" presStyleLbl="sibTrans2D1" presStyleIdx="3" presStyleCnt="4"/>
      <dgm:spPr/>
      <dgm:t>
        <a:bodyPr/>
        <a:lstStyle/>
        <a:p>
          <a:endParaRPr lang="nl-NL"/>
        </a:p>
      </dgm:t>
    </dgm:pt>
    <dgm:pt modelId="{A434C856-AD1F-4F27-81AF-CE2F9F87F0E2}" type="pres">
      <dgm:prSet presAssocID="{1565E170-4E14-4DAF-A5DB-5E5943426D94}" presName="connectorText" presStyleLbl="sibTrans2D1" presStyleIdx="3" presStyleCnt="4"/>
      <dgm:spPr/>
      <dgm:t>
        <a:bodyPr/>
        <a:lstStyle/>
        <a:p>
          <a:endParaRPr lang="nl-NL"/>
        </a:p>
      </dgm:t>
    </dgm:pt>
    <dgm:pt modelId="{CFC85B55-315F-4770-B348-6B7431E6C67C}" type="pres">
      <dgm:prSet presAssocID="{02403103-F64E-4BC9-BFEA-1AE0EBC8738B}" presName="node" presStyleLbl="node1" presStyleIdx="4" presStyleCnt="5">
        <dgm:presLayoutVars>
          <dgm:bulletEnabled val="1"/>
        </dgm:presLayoutVars>
      </dgm:prSet>
      <dgm:spPr/>
      <dgm:t>
        <a:bodyPr/>
        <a:lstStyle/>
        <a:p>
          <a:endParaRPr lang="nl-NL"/>
        </a:p>
      </dgm:t>
    </dgm:pt>
  </dgm:ptLst>
  <dgm:cxnLst>
    <dgm:cxn modelId="{A06D5CD3-FE97-4EEA-8BF0-507E6DCE4E21}" type="presOf" srcId="{22C8E472-1A6C-4E12-8D11-285A46F8CF9A}" destId="{4CA04800-1938-4F0F-A995-3C71EAB1B1D7}" srcOrd="1" destOrd="0" presId="urn:microsoft.com/office/officeart/2005/8/layout/process1"/>
    <dgm:cxn modelId="{22D76687-1CBB-4AF7-A7AE-47B514E8DE28}" type="presOf" srcId="{02403103-F64E-4BC9-BFEA-1AE0EBC8738B}" destId="{CFC85B55-315F-4770-B348-6B7431E6C67C}" srcOrd="0" destOrd="0" presId="urn:microsoft.com/office/officeart/2005/8/layout/process1"/>
    <dgm:cxn modelId="{B30D800D-2FD5-4A0C-93A4-A7FCF74E6700}" type="presOf" srcId="{22C8E472-1A6C-4E12-8D11-285A46F8CF9A}" destId="{4E3A8074-0094-4C02-B30B-9481FAB61402}" srcOrd="0" destOrd="0" presId="urn:microsoft.com/office/officeart/2005/8/layout/process1"/>
    <dgm:cxn modelId="{06DF419D-DADD-49BA-B63F-D7825805EC29}" type="presOf" srcId="{8A99CA11-49D2-46C1-A882-AB0BCE40A3D3}" destId="{D132F42D-DE4A-4DB2-83AA-D3D75A7A235C}" srcOrd="0" destOrd="0" presId="urn:microsoft.com/office/officeart/2005/8/layout/process1"/>
    <dgm:cxn modelId="{28D1298C-5629-422C-9D2F-906FDA445F1E}" srcId="{51652718-433B-462E-9D14-B7B38BB1EA6F}" destId="{02403103-F64E-4BC9-BFEA-1AE0EBC8738B}" srcOrd="4" destOrd="0" parTransId="{AE09FBE7-5358-45C8-B13B-E14A1A9F8DC5}" sibTransId="{2EA28719-8C7D-41E4-81A5-3B0DF8C3204D}"/>
    <dgm:cxn modelId="{C424362B-A977-47E0-A484-1C4814C9CAA1}" type="presOf" srcId="{072E027B-060F-4116-A30A-7A732AF8C48C}" destId="{A46263C9-AFE8-496F-86DE-F16DD3AC06C3}" srcOrd="0" destOrd="0" presId="urn:microsoft.com/office/officeart/2005/8/layout/process1"/>
    <dgm:cxn modelId="{E70CDEEF-35F2-4E2C-9057-8A2B3847ACA6}" type="presOf" srcId="{1565E170-4E14-4DAF-A5DB-5E5943426D94}" destId="{88C0A38E-8F58-42FF-9CFD-ABF5C99F74C9}" srcOrd="0" destOrd="0" presId="urn:microsoft.com/office/officeart/2005/8/layout/process1"/>
    <dgm:cxn modelId="{62346BF7-FD89-4D9F-BD7C-53DE37E744E6}" type="presOf" srcId="{91BC7027-1E1F-4ED0-BA20-184762FCE033}" destId="{3B01790A-02BA-4BB9-A34F-8BE74020EB60}" srcOrd="1" destOrd="0" presId="urn:microsoft.com/office/officeart/2005/8/layout/process1"/>
    <dgm:cxn modelId="{48A9F33A-DF98-4B86-92CC-F320361B5EB9}" type="presOf" srcId="{1565E170-4E14-4DAF-A5DB-5E5943426D94}" destId="{A434C856-AD1F-4F27-81AF-CE2F9F87F0E2}" srcOrd="1" destOrd="0" presId="urn:microsoft.com/office/officeart/2005/8/layout/process1"/>
    <dgm:cxn modelId="{7DDEBDA3-DDCC-4F7D-927D-26B69F36023E}" type="presOf" srcId="{91BC7027-1E1F-4ED0-BA20-184762FCE033}" destId="{4CA60667-4EFA-4909-A839-BD6AF1FDC6F1}" srcOrd="0" destOrd="0" presId="urn:microsoft.com/office/officeart/2005/8/layout/process1"/>
    <dgm:cxn modelId="{3D16CD8C-F32B-4CA9-8BB4-60F0DCAFC4A3}" srcId="{51652718-433B-462E-9D14-B7B38BB1EA6F}" destId="{8A99CA11-49D2-46C1-A882-AB0BCE40A3D3}" srcOrd="0" destOrd="0" parTransId="{4F7B800E-4910-49C8-873A-E2FB20D92B64}" sibTransId="{91BC7027-1E1F-4ED0-BA20-184762FCE033}"/>
    <dgm:cxn modelId="{B94C4708-C369-4932-B39C-7AE3F45B0918}" type="presOf" srcId="{04F3E3F0-D9F7-4B02-A41A-2357069D6B2F}" destId="{6C80E228-413F-4404-99CB-06E251459D21}" srcOrd="0" destOrd="0" presId="urn:microsoft.com/office/officeart/2005/8/layout/process1"/>
    <dgm:cxn modelId="{BAC9938E-BBB1-4E5A-92F3-C8B9E3477EFB}" srcId="{51652718-433B-462E-9D14-B7B38BB1EA6F}" destId="{8A116478-7268-497B-BC5B-E42CEC6CE3A3}" srcOrd="1" destOrd="0" parTransId="{85774039-B77F-4AA4-8492-6024FC2E1CF7}" sibTransId="{072E027B-060F-4116-A30A-7A732AF8C48C}"/>
    <dgm:cxn modelId="{B97E1004-EDD9-4DF2-9233-487934444BC5}" type="presOf" srcId="{8A116478-7268-497B-BC5B-E42CEC6CE3A3}" destId="{7DB8649E-7E56-4111-8166-D0C3B28BE9BF}" srcOrd="0" destOrd="0" presId="urn:microsoft.com/office/officeart/2005/8/layout/process1"/>
    <dgm:cxn modelId="{2C8391E9-CDBD-4CE2-BA96-C02EC838F44C}" type="presOf" srcId="{51652718-433B-462E-9D14-B7B38BB1EA6F}" destId="{F2DC505F-55C3-4BEF-AB8B-C40F86EFCB7D}" srcOrd="0" destOrd="0" presId="urn:microsoft.com/office/officeart/2005/8/layout/process1"/>
    <dgm:cxn modelId="{6646CEF7-E73A-428E-9027-0376FB56E215}" srcId="{51652718-433B-462E-9D14-B7B38BB1EA6F}" destId="{04F3E3F0-D9F7-4B02-A41A-2357069D6B2F}" srcOrd="3" destOrd="0" parTransId="{87CA5E58-1EB8-43C4-860A-4BA4C68AA36F}" sibTransId="{1565E170-4E14-4DAF-A5DB-5E5943426D94}"/>
    <dgm:cxn modelId="{FB89D0E7-9C4F-4115-A05D-7DF1D493F9C4}" type="presOf" srcId="{072E027B-060F-4116-A30A-7A732AF8C48C}" destId="{8AA6F061-1626-47B7-8660-5844BB3BCF98}" srcOrd="1" destOrd="0" presId="urn:microsoft.com/office/officeart/2005/8/layout/process1"/>
    <dgm:cxn modelId="{B12B119B-B5A7-42B2-BBC2-A7B5CC72A473}" srcId="{51652718-433B-462E-9D14-B7B38BB1EA6F}" destId="{82D0D25F-F277-417C-9556-3A2D00753FD0}" srcOrd="2" destOrd="0" parTransId="{E7BF58A7-7BF2-4D2A-9BA0-37B8EBB0EEEB}" sibTransId="{22C8E472-1A6C-4E12-8D11-285A46F8CF9A}"/>
    <dgm:cxn modelId="{753DE9A4-C983-4DAA-A119-7C6EF6969560}" type="presOf" srcId="{82D0D25F-F277-417C-9556-3A2D00753FD0}" destId="{C5E2F64B-6D4E-4EAE-A580-2B93D462EFF1}" srcOrd="0" destOrd="0" presId="urn:microsoft.com/office/officeart/2005/8/layout/process1"/>
    <dgm:cxn modelId="{16F7080F-33C4-48D1-A25B-1979F8CAF16F}" type="presParOf" srcId="{F2DC505F-55C3-4BEF-AB8B-C40F86EFCB7D}" destId="{D132F42D-DE4A-4DB2-83AA-D3D75A7A235C}" srcOrd="0" destOrd="0" presId="urn:microsoft.com/office/officeart/2005/8/layout/process1"/>
    <dgm:cxn modelId="{3923B627-D726-45BA-A6CA-3910F8011A44}" type="presParOf" srcId="{F2DC505F-55C3-4BEF-AB8B-C40F86EFCB7D}" destId="{4CA60667-4EFA-4909-A839-BD6AF1FDC6F1}" srcOrd="1" destOrd="0" presId="urn:microsoft.com/office/officeart/2005/8/layout/process1"/>
    <dgm:cxn modelId="{4DAFB018-35C9-4FBC-AFE1-8AB82D1A41C1}" type="presParOf" srcId="{4CA60667-4EFA-4909-A839-BD6AF1FDC6F1}" destId="{3B01790A-02BA-4BB9-A34F-8BE74020EB60}" srcOrd="0" destOrd="0" presId="urn:microsoft.com/office/officeart/2005/8/layout/process1"/>
    <dgm:cxn modelId="{BEB0B55B-A184-4FBB-8405-176C1371376C}" type="presParOf" srcId="{F2DC505F-55C3-4BEF-AB8B-C40F86EFCB7D}" destId="{7DB8649E-7E56-4111-8166-D0C3B28BE9BF}" srcOrd="2" destOrd="0" presId="urn:microsoft.com/office/officeart/2005/8/layout/process1"/>
    <dgm:cxn modelId="{17645D7A-5644-4E8F-88BF-3A16C4B28DAA}" type="presParOf" srcId="{F2DC505F-55C3-4BEF-AB8B-C40F86EFCB7D}" destId="{A46263C9-AFE8-496F-86DE-F16DD3AC06C3}" srcOrd="3" destOrd="0" presId="urn:microsoft.com/office/officeart/2005/8/layout/process1"/>
    <dgm:cxn modelId="{594BD924-DF04-41D9-9242-1A9DDDD81984}" type="presParOf" srcId="{A46263C9-AFE8-496F-86DE-F16DD3AC06C3}" destId="{8AA6F061-1626-47B7-8660-5844BB3BCF98}" srcOrd="0" destOrd="0" presId="urn:microsoft.com/office/officeart/2005/8/layout/process1"/>
    <dgm:cxn modelId="{5A39C4F1-FD3A-4C3F-A75E-F87B5BEF678A}" type="presParOf" srcId="{F2DC505F-55C3-4BEF-AB8B-C40F86EFCB7D}" destId="{C5E2F64B-6D4E-4EAE-A580-2B93D462EFF1}" srcOrd="4" destOrd="0" presId="urn:microsoft.com/office/officeart/2005/8/layout/process1"/>
    <dgm:cxn modelId="{7F40BEF5-1A43-4FD9-9530-CD45C7FB5AD0}" type="presParOf" srcId="{F2DC505F-55C3-4BEF-AB8B-C40F86EFCB7D}" destId="{4E3A8074-0094-4C02-B30B-9481FAB61402}" srcOrd="5" destOrd="0" presId="urn:microsoft.com/office/officeart/2005/8/layout/process1"/>
    <dgm:cxn modelId="{CB4417C7-1F43-4CFB-9C8D-7F023FBF2BB1}" type="presParOf" srcId="{4E3A8074-0094-4C02-B30B-9481FAB61402}" destId="{4CA04800-1938-4F0F-A995-3C71EAB1B1D7}" srcOrd="0" destOrd="0" presId="urn:microsoft.com/office/officeart/2005/8/layout/process1"/>
    <dgm:cxn modelId="{C27A9B58-C02D-41E4-9B73-6D82039DB46C}" type="presParOf" srcId="{F2DC505F-55C3-4BEF-AB8B-C40F86EFCB7D}" destId="{6C80E228-413F-4404-99CB-06E251459D21}" srcOrd="6" destOrd="0" presId="urn:microsoft.com/office/officeart/2005/8/layout/process1"/>
    <dgm:cxn modelId="{CF6F0A5F-044A-4D42-8370-780AD027FA72}" type="presParOf" srcId="{F2DC505F-55C3-4BEF-AB8B-C40F86EFCB7D}" destId="{88C0A38E-8F58-42FF-9CFD-ABF5C99F74C9}" srcOrd="7" destOrd="0" presId="urn:microsoft.com/office/officeart/2005/8/layout/process1"/>
    <dgm:cxn modelId="{7DB835FD-D5AB-45F7-8035-9F8731EEB605}" type="presParOf" srcId="{88C0A38E-8F58-42FF-9CFD-ABF5C99F74C9}" destId="{A434C856-AD1F-4F27-81AF-CE2F9F87F0E2}" srcOrd="0" destOrd="0" presId="urn:microsoft.com/office/officeart/2005/8/layout/process1"/>
    <dgm:cxn modelId="{9AE5CF90-35F2-4DBC-B0C9-27A03F326058}" type="presParOf" srcId="{F2DC505F-55C3-4BEF-AB8B-C40F86EFCB7D}" destId="{CFC85B55-315F-4770-B348-6B7431E6C67C}" srcOrd="8" destOrd="0" presId="urn:microsoft.com/office/officeart/2005/8/layout/process1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A649563C-E915-4A73-9A62-2F07D9F00D60}" type="doc">
      <dgm:prSet loTypeId="urn:microsoft.com/office/officeart/2005/8/layout/process1" loCatId="process" qsTypeId="urn:microsoft.com/office/officeart/2005/8/quickstyle/simple1" qsCatId="simple" csTypeId="urn:microsoft.com/office/officeart/2005/8/colors/accent1_2" csCatId="accent1" phldr="1"/>
      <dgm:spPr/>
    </dgm:pt>
    <dgm:pt modelId="{1EF19688-24F2-4B3C-901F-8EFDF836F8E4}" type="pres">
      <dgm:prSet presAssocID="{A649563C-E915-4A73-9A62-2F07D9F00D60}" presName="Name0" presStyleCnt="0">
        <dgm:presLayoutVars>
          <dgm:dir/>
          <dgm:resizeHandles val="exact"/>
        </dgm:presLayoutVars>
      </dgm:prSet>
      <dgm:spPr/>
    </dgm:pt>
  </dgm:ptLst>
  <dgm:cxnLst>
    <dgm:cxn modelId="{F3E75D38-7436-496B-95C5-6920A5DA616F}" type="presOf" srcId="{A649563C-E915-4A73-9A62-2F07D9F00D60}" destId="{1EF19688-24F2-4B3C-901F-8EFDF836F8E4}" srcOrd="0" destOrd="0" presId="urn:microsoft.com/office/officeart/2005/8/layout/process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F8B6391-F751-4B63-BB84-C3274DFF860B}">
      <dsp:nvSpPr>
        <dsp:cNvPr id="0" name=""/>
        <dsp:cNvSpPr/>
      </dsp:nvSpPr>
      <dsp:spPr>
        <a:xfrm>
          <a:off x="0" y="1942015"/>
          <a:ext cx="890044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ECV</a:t>
          </a:r>
          <a:endParaRPr lang="nl-NL" sz="1100" kern="1200" dirty="0"/>
        </a:p>
      </dsp:txBody>
      <dsp:txXfrm>
        <a:off x="13034" y="1955049"/>
        <a:ext cx="863976" cy="418954"/>
      </dsp:txXfrm>
    </dsp:sp>
    <dsp:sp modelId="{50900D9A-98CF-4925-955E-0DE0CB882294}">
      <dsp:nvSpPr>
        <dsp:cNvPr id="0" name=""/>
        <dsp:cNvSpPr/>
      </dsp:nvSpPr>
      <dsp:spPr>
        <a:xfrm rot="17515491">
          <a:off x="390988" y="1415758"/>
          <a:ext cx="1592875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592875" y="9932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600" kern="1200" dirty="0"/>
        </a:p>
      </dsp:txBody>
      <dsp:txXfrm>
        <a:off x="1147604" y="1385869"/>
        <a:ext cx="79643" cy="79643"/>
      </dsp:txXfrm>
    </dsp:sp>
    <dsp:sp modelId="{D0D796E5-07D0-4ABE-A3CA-67C0229FB8B7}">
      <dsp:nvSpPr>
        <dsp:cNvPr id="0" name=""/>
        <dsp:cNvSpPr/>
      </dsp:nvSpPr>
      <dsp:spPr>
        <a:xfrm>
          <a:off x="1484808" y="464345"/>
          <a:ext cx="890044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Opnameduur</a:t>
          </a:r>
          <a:endParaRPr lang="nl-NL" sz="1100" kern="1200" dirty="0"/>
        </a:p>
      </dsp:txBody>
      <dsp:txXfrm>
        <a:off x="1497842" y="477379"/>
        <a:ext cx="863976" cy="418954"/>
      </dsp:txXfrm>
    </dsp:sp>
    <dsp:sp modelId="{0AA598BC-6B99-41B1-A650-66E06AE1F186}">
      <dsp:nvSpPr>
        <dsp:cNvPr id="0" name=""/>
        <dsp:cNvSpPr/>
      </dsp:nvSpPr>
      <dsp:spPr>
        <a:xfrm rot="20709320">
          <a:off x="2344763" y="445950"/>
          <a:ext cx="1803073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803073" y="9932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600" kern="1200" dirty="0"/>
        </a:p>
      </dsp:txBody>
      <dsp:txXfrm>
        <a:off x="3201223" y="410806"/>
        <a:ext cx="90153" cy="90153"/>
      </dsp:txXfrm>
    </dsp:sp>
    <dsp:sp modelId="{79447E20-553E-4D70-8D2E-319175C32B3A}">
      <dsp:nvSpPr>
        <dsp:cNvPr id="0" name=""/>
        <dsp:cNvSpPr/>
      </dsp:nvSpPr>
      <dsp:spPr>
        <a:xfrm>
          <a:off x="4117747" y="2399"/>
          <a:ext cx="4449234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Dat ik niet  lang hoef te wachten op mijn ECV </a:t>
          </a:r>
          <a:endParaRPr lang="nl-NL" sz="1100" kern="1200" dirty="0"/>
        </a:p>
      </dsp:txBody>
      <dsp:txXfrm>
        <a:off x="4130781" y="15433"/>
        <a:ext cx="4423166" cy="418954"/>
      </dsp:txXfrm>
    </dsp:sp>
    <dsp:sp modelId="{8FAD906B-1975-4118-A734-F52E8A75D9CB}">
      <dsp:nvSpPr>
        <dsp:cNvPr id="0" name=""/>
        <dsp:cNvSpPr/>
      </dsp:nvSpPr>
      <dsp:spPr>
        <a:xfrm rot="98258">
          <a:off x="2374497" y="701838"/>
          <a:ext cx="1743606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743606" y="9932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600" kern="1200" dirty="0"/>
        </a:p>
      </dsp:txBody>
      <dsp:txXfrm>
        <a:off x="3202710" y="668181"/>
        <a:ext cx="87180" cy="87180"/>
      </dsp:txXfrm>
    </dsp:sp>
    <dsp:sp modelId="{8570F73E-163C-4E1F-88A6-E6B6F1944C1A}">
      <dsp:nvSpPr>
        <dsp:cNvPr id="0" name=""/>
        <dsp:cNvSpPr/>
      </dsp:nvSpPr>
      <dsp:spPr>
        <a:xfrm>
          <a:off x="4117747" y="514174"/>
          <a:ext cx="4416009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Dat andere patiënten die later binnenkomen niet eerder worden geholpen. </a:t>
          </a:r>
          <a:endParaRPr lang="nl-NL" sz="1100" kern="1200" dirty="0"/>
        </a:p>
      </dsp:txBody>
      <dsp:txXfrm>
        <a:off x="4130781" y="527208"/>
        <a:ext cx="4389941" cy="418954"/>
      </dsp:txXfrm>
    </dsp:sp>
    <dsp:sp modelId="{92F3D0A7-5BE5-4C4C-BD8C-39EE22AC4B82}">
      <dsp:nvSpPr>
        <dsp:cNvPr id="0" name=""/>
        <dsp:cNvSpPr/>
      </dsp:nvSpPr>
      <dsp:spPr>
        <a:xfrm rot="1071616">
          <a:off x="2330729" y="957726"/>
          <a:ext cx="1831141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831141" y="9932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600" kern="1200" dirty="0"/>
        </a:p>
      </dsp:txBody>
      <dsp:txXfrm>
        <a:off x="3200521" y="921880"/>
        <a:ext cx="91557" cy="91557"/>
      </dsp:txXfrm>
    </dsp:sp>
    <dsp:sp modelId="{D51E937A-CCD7-4B41-BAAB-C0BCCA9A39AE}">
      <dsp:nvSpPr>
        <dsp:cNvPr id="0" name=""/>
        <dsp:cNvSpPr/>
      </dsp:nvSpPr>
      <dsp:spPr>
        <a:xfrm>
          <a:off x="4117747" y="1025950"/>
          <a:ext cx="4420833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Dat ik weet waarop ik moet wachten. </a:t>
          </a:r>
          <a:endParaRPr lang="nl-NL" sz="1100" kern="1200" dirty="0"/>
        </a:p>
      </dsp:txBody>
      <dsp:txXfrm>
        <a:off x="4130781" y="1038984"/>
        <a:ext cx="4394765" cy="418954"/>
      </dsp:txXfrm>
    </dsp:sp>
    <dsp:sp modelId="{375ECEB7-723E-4029-B9A2-ACAC4828E2C4}">
      <dsp:nvSpPr>
        <dsp:cNvPr id="0" name=""/>
        <dsp:cNvSpPr/>
      </dsp:nvSpPr>
      <dsp:spPr>
        <a:xfrm>
          <a:off x="890044" y="2154593"/>
          <a:ext cx="644597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644597" y="9932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500" kern="1200" dirty="0"/>
        </a:p>
      </dsp:txBody>
      <dsp:txXfrm>
        <a:off x="1196228" y="2148411"/>
        <a:ext cx="32229" cy="32229"/>
      </dsp:txXfrm>
    </dsp:sp>
    <dsp:sp modelId="{F9054BCA-CFCE-423E-8D9E-385D1B6C455A}">
      <dsp:nvSpPr>
        <dsp:cNvPr id="0" name=""/>
        <dsp:cNvSpPr/>
      </dsp:nvSpPr>
      <dsp:spPr>
        <a:xfrm>
          <a:off x="1534642" y="1942015"/>
          <a:ext cx="890044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Veiligheid &amp; Expertise  </a:t>
          </a:r>
          <a:endParaRPr lang="nl-NL" sz="1100" kern="1200" dirty="0"/>
        </a:p>
      </dsp:txBody>
      <dsp:txXfrm>
        <a:off x="1547676" y="1955049"/>
        <a:ext cx="863976" cy="418954"/>
      </dsp:txXfrm>
    </dsp:sp>
    <dsp:sp modelId="{291AFAAD-7EE7-4789-8033-4DD59A864100}">
      <dsp:nvSpPr>
        <dsp:cNvPr id="0" name=""/>
        <dsp:cNvSpPr/>
      </dsp:nvSpPr>
      <dsp:spPr>
        <a:xfrm rot="20794184">
          <a:off x="2400886" y="1952448"/>
          <a:ext cx="1740661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740661" y="9932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600" kern="1200" dirty="0"/>
        </a:p>
      </dsp:txBody>
      <dsp:txXfrm>
        <a:off x="3227700" y="1918865"/>
        <a:ext cx="87033" cy="87033"/>
      </dsp:txXfrm>
    </dsp:sp>
    <dsp:sp modelId="{A8539265-AC67-499D-B7A2-019E066C799C}">
      <dsp:nvSpPr>
        <dsp:cNvPr id="0" name=""/>
        <dsp:cNvSpPr/>
      </dsp:nvSpPr>
      <dsp:spPr>
        <a:xfrm>
          <a:off x="4117747" y="1537726"/>
          <a:ext cx="4432626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Dat het team veilig een ECV kan uitvoeren en dat ook uitstraalt </a:t>
          </a:r>
          <a:endParaRPr lang="nl-NL" sz="1100" kern="1200" dirty="0"/>
        </a:p>
      </dsp:txBody>
      <dsp:txXfrm>
        <a:off x="4130781" y="1550760"/>
        <a:ext cx="4406558" cy="418954"/>
      </dsp:txXfrm>
    </dsp:sp>
    <dsp:sp modelId="{9B1D516A-65B8-4B24-ACEA-46773DA1C3A1}">
      <dsp:nvSpPr>
        <dsp:cNvPr id="0" name=""/>
        <dsp:cNvSpPr/>
      </dsp:nvSpPr>
      <dsp:spPr>
        <a:xfrm rot="217957">
          <a:off x="2422982" y="2208336"/>
          <a:ext cx="1696469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696469" y="9932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600" kern="1200" dirty="0"/>
        </a:p>
      </dsp:txBody>
      <dsp:txXfrm>
        <a:off x="3228805" y="2175857"/>
        <a:ext cx="84823" cy="84823"/>
      </dsp:txXfrm>
    </dsp:sp>
    <dsp:sp modelId="{BE39E999-9BFE-4DCD-A56D-AE4E6ABEE0BD}">
      <dsp:nvSpPr>
        <dsp:cNvPr id="0" name=""/>
        <dsp:cNvSpPr/>
      </dsp:nvSpPr>
      <dsp:spPr>
        <a:xfrm>
          <a:off x="4117747" y="2049501"/>
          <a:ext cx="4416009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Dat het team voorbereid is en kennis heeft van mijn dossier</a:t>
          </a:r>
          <a:endParaRPr lang="nl-NL" sz="1100" kern="1200" dirty="0"/>
        </a:p>
      </dsp:txBody>
      <dsp:txXfrm>
        <a:off x="4130781" y="2062535"/>
        <a:ext cx="4389941" cy="418954"/>
      </dsp:txXfrm>
    </dsp:sp>
    <dsp:sp modelId="{FD56211E-F1C3-438B-92D5-8E96CF0C61F5}">
      <dsp:nvSpPr>
        <dsp:cNvPr id="0" name=""/>
        <dsp:cNvSpPr/>
      </dsp:nvSpPr>
      <dsp:spPr>
        <a:xfrm rot="1205444">
          <a:off x="2369837" y="2464224"/>
          <a:ext cx="1802758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802758" y="9932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600" kern="1200" dirty="0"/>
        </a:p>
      </dsp:txBody>
      <dsp:txXfrm>
        <a:off x="3226148" y="2429088"/>
        <a:ext cx="90137" cy="90137"/>
      </dsp:txXfrm>
    </dsp:sp>
    <dsp:sp modelId="{D311199E-7ECB-43A8-A5B1-D99AE8694AAB}">
      <dsp:nvSpPr>
        <dsp:cNvPr id="0" name=""/>
        <dsp:cNvSpPr/>
      </dsp:nvSpPr>
      <dsp:spPr>
        <a:xfrm>
          <a:off x="4117747" y="2561277"/>
          <a:ext cx="4449234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Dat ik gehoord wordt in mijn klachtenpatroon</a:t>
          </a:r>
          <a:endParaRPr lang="nl-NL" sz="1100" kern="1200" dirty="0"/>
        </a:p>
      </dsp:txBody>
      <dsp:txXfrm>
        <a:off x="4130781" y="2574311"/>
        <a:ext cx="4423166" cy="418954"/>
      </dsp:txXfrm>
    </dsp:sp>
    <dsp:sp modelId="{186F7009-CCCC-4103-9D1E-86A28A1EB004}">
      <dsp:nvSpPr>
        <dsp:cNvPr id="0" name=""/>
        <dsp:cNvSpPr/>
      </dsp:nvSpPr>
      <dsp:spPr>
        <a:xfrm rot="3863314">
          <a:off x="461286" y="2835600"/>
          <a:ext cx="1510417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510417" y="9932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500" kern="1200" dirty="0"/>
        </a:p>
      </dsp:txBody>
      <dsp:txXfrm>
        <a:off x="1178734" y="2807772"/>
        <a:ext cx="75520" cy="75520"/>
      </dsp:txXfrm>
    </dsp:sp>
    <dsp:sp modelId="{A08653EF-CD1A-471C-99D3-5882FCF18E88}">
      <dsp:nvSpPr>
        <dsp:cNvPr id="0" name=""/>
        <dsp:cNvSpPr/>
      </dsp:nvSpPr>
      <dsp:spPr>
        <a:xfrm>
          <a:off x="1542946" y="3304028"/>
          <a:ext cx="890044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Service &amp;comfort</a:t>
          </a:r>
          <a:endParaRPr lang="nl-NL" sz="1100" kern="1200" dirty="0"/>
        </a:p>
      </dsp:txBody>
      <dsp:txXfrm>
        <a:off x="1555980" y="3317062"/>
        <a:ext cx="863976" cy="418954"/>
      </dsp:txXfrm>
    </dsp:sp>
    <dsp:sp modelId="{80AB299C-FE9A-46B2-8191-6DA9AAC9194B}">
      <dsp:nvSpPr>
        <dsp:cNvPr id="0" name=""/>
        <dsp:cNvSpPr/>
      </dsp:nvSpPr>
      <dsp:spPr>
        <a:xfrm rot="21131614">
          <a:off x="2425111" y="3401118"/>
          <a:ext cx="1700515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700515" y="9932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600" kern="1200" dirty="0"/>
        </a:p>
      </dsp:txBody>
      <dsp:txXfrm>
        <a:off x="3232856" y="3368538"/>
        <a:ext cx="85025" cy="85025"/>
      </dsp:txXfrm>
    </dsp:sp>
    <dsp:sp modelId="{FC1B7D85-7BF7-4DD6-B2BC-DEC242EE6EF7}">
      <dsp:nvSpPr>
        <dsp:cNvPr id="0" name=""/>
        <dsp:cNvSpPr/>
      </dsp:nvSpPr>
      <dsp:spPr>
        <a:xfrm>
          <a:off x="4117747" y="3073052"/>
          <a:ext cx="4449234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Dat er rekening gehouden kan worden met mijn wensen </a:t>
          </a:r>
          <a:endParaRPr lang="nl-NL" sz="1100" kern="1200" dirty="0"/>
        </a:p>
      </dsp:txBody>
      <dsp:txXfrm>
        <a:off x="4130781" y="3086086"/>
        <a:ext cx="4423166" cy="418954"/>
      </dsp:txXfrm>
    </dsp:sp>
    <dsp:sp modelId="{FC9DFD0A-CECB-445C-91A9-396FC77011D3}">
      <dsp:nvSpPr>
        <dsp:cNvPr id="0" name=""/>
        <dsp:cNvSpPr/>
      </dsp:nvSpPr>
      <dsp:spPr>
        <a:xfrm rot="567754">
          <a:off x="2421370" y="3657006"/>
          <a:ext cx="1707996" cy="19865"/>
        </a:xfrm>
        <a:custGeom>
          <a:avLst/>
          <a:gdLst/>
          <a:ahLst/>
          <a:cxnLst/>
          <a:rect l="0" t="0" r="0" b="0"/>
          <a:pathLst>
            <a:path>
              <a:moveTo>
                <a:pt x="0" y="9932"/>
              </a:moveTo>
              <a:lnTo>
                <a:pt x="1707996" y="9932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700" tIns="0" rIns="12700" bIns="0" numCol="1" spcCol="1270" anchor="ctr" anchorCtr="0">
          <a:noAutofit/>
        </a:bodyPr>
        <a:lstStyle/>
        <a:p>
          <a:pPr lvl="0" algn="ctr" defTabSz="266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600" kern="1200" dirty="0"/>
        </a:p>
      </dsp:txBody>
      <dsp:txXfrm>
        <a:off x="3232669" y="3624239"/>
        <a:ext cx="85399" cy="85399"/>
      </dsp:txXfrm>
    </dsp:sp>
    <dsp:sp modelId="{C6D84FE3-5D28-48E7-A6AE-1A264A1CDCD8}">
      <dsp:nvSpPr>
        <dsp:cNvPr id="0" name=""/>
        <dsp:cNvSpPr/>
      </dsp:nvSpPr>
      <dsp:spPr>
        <a:xfrm>
          <a:off x="4117747" y="3584828"/>
          <a:ext cx="4465843" cy="4450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985" tIns="6985" rIns="6985" bIns="6985" numCol="1" spcCol="1270" anchor="ctr" anchorCtr="0">
          <a:noAutofit/>
        </a:bodyPr>
        <a:lstStyle/>
        <a:p>
          <a:pPr lvl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100" kern="1200" dirty="0" smtClean="0"/>
            <a:t>Dat mijn familie ook betrokken wordt in de behandeling </a:t>
          </a:r>
          <a:endParaRPr lang="nl-NL" sz="1100" kern="1200" dirty="0"/>
        </a:p>
      </dsp:txBody>
      <dsp:txXfrm>
        <a:off x="4130781" y="3597862"/>
        <a:ext cx="4439775" cy="418954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D132F42D-DE4A-4DB2-83AA-D3D75A7A235C}">
      <dsp:nvSpPr>
        <dsp:cNvPr id="0" name=""/>
        <dsp:cNvSpPr/>
      </dsp:nvSpPr>
      <dsp:spPr>
        <a:xfrm>
          <a:off x="5644" y="121384"/>
          <a:ext cx="1749831" cy="104989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00B050"/>
              </a:solidFill>
            </a:rPr>
            <a:t>Aanmelding</a:t>
          </a:r>
        </a:p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00B050"/>
              </a:solidFill>
            </a:rPr>
            <a:t>156 sec</a:t>
          </a:r>
          <a:endParaRPr lang="nl-NL" sz="1600" kern="1200" dirty="0">
            <a:solidFill>
              <a:srgbClr val="00B050"/>
            </a:solidFill>
          </a:endParaRPr>
        </a:p>
      </dsp:txBody>
      <dsp:txXfrm>
        <a:off x="36394" y="152134"/>
        <a:ext cx="1688331" cy="988398"/>
      </dsp:txXfrm>
    </dsp:sp>
    <dsp:sp modelId="{4CA60667-4EFA-4909-A839-BD6AF1FDC6F1}">
      <dsp:nvSpPr>
        <dsp:cNvPr id="0" name=""/>
        <dsp:cNvSpPr/>
      </dsp:nvSpPr>
      <dsp:spPr>
        <a:xfrm>
          <a:off x="1930458" y="429354"/>
          <a:ext cx="370964" cy="433958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1900" kern="1200" dirty="0"/>
        </a:p>
      </dsp:txBody>
      <dsp:txXfrm>
        <a:off x="1930458" y="516146"/>
        <a:ext cx="259675" cy="260374"/>
      </dsp:txXfrm>
    </dsp:sp>
    <dsp:sp modelId="{7DB8649E-7E56-4111-8166-D0C3B28BE9BF}">
      <dsp:nvSpPr>
        <dsp:cNvPr id="0" name=""/>
        <dsp:cNvSpPr/>
      </dsp:nvSpPr>
      <dsp:spPr>
        <a:xfrm>
          <a:off x="2455408" y="121384"/>
          <a:ext cx="1749831" cy="104989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FF0000"/>
              </a:solidFill>
            </a:rPr>
            <a:t>Wachten</a:t>
          </a:r>
        </a:p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FF0000"/>
              </a:solidFill>
            </a:rPr>
            <a:t>Totaal 8460 sec </a:t>
          </a:r>
          <a:endParaRPr lang="nl-NL" sz="1600" kern="1200" dirty="0">
            <a:solidFill>
              <a:srgbClr val="FF0000"/>
            </a:solidFill>
          </a:endParaRPr>
        </a:p>
      </dsp:txBody>
      <dsp:txXfrm>
        <a:off x="2486158" y="152134"/>
        <a:ext cx="1688331" cy="988398"/>
      </dsp:txXfrm>
    </dsp:sp>
    <dsp:sp modelId="{A46263C9-AFE8-496F-86DE-F16DD3AC06C3}">
      <dsp:nvSpPr>
        <dsp:cNvPr id="0" name=""/>
        <dsp:cNvSpPr/>
      </dsp:nvSpPr>
      <dsp:spPr>
        <a:xfrm>
          <a:off x="4380222" y="429354"/>
          <a:ext cx="370964" cy="433958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1900" kern="1200" dirty="0"/>
        </a:p>
      </dsp:txBody>
      <dsp:txXfrm>
        <a:off x="4380222" y="516146"/>
        <a:ext cx="259675" cy="260374"/>
      </dsp:txXfrm>
    </dsp:sp>
    <dsp:sp modelId="{C5E2F64B-6D4E-4EAE-A580-2B93D462EFF1}">
      <dsp:nvSpPr>
        <dsp:cNvPr id="0" name=""/>
        <dsp:cNvSpPr/>
      </dsp:nvSpPr>
      <dsp:spPr>
        <a:xfrm>
          <a:off x="4905171" y="121384"/>
          <a:ext cx="1749831" cy="104989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00B050"/>
              </a:solidFill>
            </a:rPr>
            <a:t>VPK opname</a:t>
          </a:r>
        </a:p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00B050"/>
              </a:solidFill>
            </a:rPr>
            <a:t>1260 sec</a:t>
          </a:r>
          <a:endParaRPr lang="nl-NL" sz="1600" kern="1200" dirty="0">
            <a:solidFill>
              <a:srgbClr val="00B050"/>
            </a:solidFill>
          </a:endParaRPr>
        </a:p>
      </dsp:txBody>
      <dsp:txXfrm>
        <a:off x="4935921" y="152134"/>
        <a:ext cx="1688331" cy="988398"/>
      </dsp:txXfrm>
    </dsp:sp>
    <dsp:sp modelId="{4E3A8074-0094-4C02-B30B-9481FAB61402}">
      <dsp:nvSpPr>
        <dsp:cNvPr id="0" name=""/>
        <dsp:cNvSpPr/>
      </dsp:nvSpPr>
      <dsp:spPr>
        <a:xfrm>
          <a:off x="6829986" y="429354"/>
          <a:ext cx="370964" cy="433958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1900" kern="1200" dirty="0"/>
        </a:p>
      </dsp:txBody>
      <dsp:txXfrm>
        <a:off x="6829986" y="516146"/>
        <a:ext cx="259675" cy="260374"/>
      </dsp:txXfrm>
    </dsp:sp>
    <dsp:sp modelId="{6C80E228-413F-4404-99CB-06E251459D21}">
      <dsp:nvSpPr>
        <dsp:cNvPr id="0" name=""/>
        <dsp:cNvSpPr/>
      </dsp:nvSpPr>
      <dsp:spPr>
        <a:xfrm>
          <a:off x="7354935" y="121384"/>
          <a:ext cx="1749831" cy="104989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FF0000"/>
              </a:solidFill>
            </a:rPr>
            <a:t>Wachten</a:t>
          </a:r>
        </a:p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FF0000"/>
              </a:solidFill>
            </a:rPr>
            <a:t>Totaal 8460 sec</a:t>
          </a:r>
          <a:endParaRPr lang="nl-NL" sz="1600" kern="1200" dirty="0">
            <a:solidFill>
              <a:srgbClr val="FF0000"/>
            </a:solidFill>
          </a:endParaRPr>
        </a:p>
      </dsp:txBody>
      <dsp:txXfrm>
        <a:off x="7385685" y="152134"/>
        <a:ext cx="1688331" cy="988398"/>
      </dsp:txXfrm>
    </dsp:sp>
    <dsp:sp modelId="{88C0A38E-8F58-42FF-9CFD-ABF5C99F74C9}">
      <dsp:nvSpPr>
        <dsp:cNvPr id="0" name=""/>
        <dsp:cNvSpPr/>
      </dsp:nvSpPr>
      <dsp:spPr>
        <a:xfrm>
          <a:off x="9279749" y="429354"/>
          <a:ext cx="370964" cy="433958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lvl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endParaRPr lang="nl-NL" sz="1900" kern="1200" dirty="0"/>
        </a:p>
      </dsp:txBody>
      <dsp:txXfrm>
        <a:off x="9279749" y="516146"/>
        <a:ext cx="259675" cy="260374"/>
      </dsp:txXfrm>
    </dsp:sp>
    <dsp:sp modelId="{CFC85B55-315F-4770-B348-6B7431E6C67C}">
      <dsp:nvSpPr>
        <dsp:cNvPr id="0" name=""/>
        <dsp:cNvSpPr/>
      </dsp:nvSpPr>
      <dsp:spPr>
        <a:xfrm>
          <a:off x="9804699" y="121384"/>
          <a:ext cx="1749831" cy="104989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00B050"/>
              </a:solidFill>
            </a:rPr>
            <a:t>ECV</a:t>
          </a:r>
        </a:p>
        <a:p>
          <a:pPr lvl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nl-NL" sz="1600" kern="1200" dirty="0" smtClean="0">
              <a:solidFill>
                <a:srgbClr val="00B050"/>
              </a:solidFill>
            </a:rPr>
            <a:t>900sec </a:t>
          </a:r>
          <a:endParaRPr lang="nl-NL" sz="1600" kern="1200" dirty="0">
            <a:solidFill>
              <a:srgbClr val="00B050"/>
            </a:solidFill>
          </a:endParaRPr>
        </a:p>
      </dsp:txBody>
      <dsp:txXfrm>
        <a:off x="9835449" y="152134"/>
        <a:ext cx="1688331" cy="988398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ierarchy2">
  <dgm:title val=""/>
  <dgm:desc val=""/>
  <dgm:catLst>
    <dgm:cat type="hierarchy" pri="5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diagram">
    <dgm:varLst>
      <dgm:chPref val="1"/>
      <dgm:dir/>
      <dgm:animOne val="branch"/>
      <dgm:animLvl val="lvl"/>
      <dgm:resizeHandles val="exact"/>
    </dgm:varLst>
    <dgm:choose name="Name0">
      <dgm:if name="Name1" func="var" arg="dir" op="equ" val="norm">
        <dgm:alg type="hierChild">
          <dgm:param type="linDir" val="fromT"/>
          <dgm:param type="chAlign" val="l"/>
        </dgm:alg>
      </dgm:if>
      <dgm:else name="Name2">
        <dgm:alg type="hierChild">
          <dgm:param type="linDir" val="fromT"/>
          <dgm:param type="ch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des" ptType="node" refType="h"/>
      <dgm:constr type="w" for="des" ptType="node" refType="h" refFor="des" refPtType="node" fact="2"/>
      <dgm:constr type="sibSp" refType="h" refFor="des" refPtType="node" op="equ" fact="0.15"/>
      <dgm:constr type="sibSp" for="des" forName="level2hierChild" refType="h" refFor="des" refPtType="node" op="equ" fact="0.15"/>
      <dgm:constr type="sibSp" for="des" forName="level3hierChild" refType="h" refFor="des" refPtType="node" op="equ" fact="0.15"/>
      <dgm:constr type="sp" for="des" forName="root1" refType="w" refFor="des" refPtType="node" fact="0.4"/>
      <dgm:constr type="sp" for="des" forName="root2" refType="sp" refFor="des" refForName="root1" op="equ"/>
      <dgm:constr type="primFontSz" for="des" ptType="node" op="equ" val="65"/>
      <dgm:constr type="primFontSz" for="des" forName="connTx" op="equ" val="55"/>
      <dgm:constr type="primFontSz" for="des" forName="connTx" refType="primFontSz" refFor="des" refPtType="node" op="lte" fact="0.8"/>
    </dgm:constrLst>
    <dgm:ruleLst/>
    <dgm:forEach name="Name3" axis="ch">
      <dgm:forEach name="Name4" axis="self" ptType="node">
        <dgm:layoutNode name="root1">
          <dgm:choose name="Name5">
            <dgm:if name="Name6" func="var" arg="dir" op="equ" val="norm">
              <dgm:alg type="hierRoot">
                <dgm:param type="hierAlign" val="lCtrCh"/>
              </dgm:alg>
            </dgm:if>
            <dgm:else name="Name7">
              <dgm:alg type="hierRoot">
                <dgm:param type="hierAlign" val="rCtrCh"/>
              </dgm:alg>
            </dgm:else>
          </dgm:choose>
          <dgm:shape xmlns:r="http://schemas.openxmlformats.org/officeDocument/2006/relationships" r:blip="">
            <dgm:adjLst/>
          </dgm:shape>
          <dgm:presOf/>
          <dgm:constrLst/>
          <dgm:ruleLst/>
          <dgm:layoutNode name="LevelOneTextNode" styleLbl="node0">
            <dgm:varLst>
              <dgm:chPref val="3"/>
            </dgm:varLst>
            <dgm:alg type="tx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self"/>
            <dgm:constrLst>
              <dgm:constr type="tMarg" refType="primFontSz" fact="0.05"/>
              <dgm:constr type="bMarg" refType="primFontSz" fact="0.05"/>
              <dgm:constr type="lMarg" refType="primFontSz" fact="0.05"/>
              <dgm:constr type="rMarg" refType="primFontSz" fact="0.05"/>
            </dgm:constrLst>
            <dgm:ruleLst>
              <dgm:rule type="primFontSz" val="5" fact="NaN" max="NaN"/>
            </dgm:ruleLst>
          </dgm:layoutNode>
          <dgm:layoutNode name="level2hierChild">
            <dgm:choose name="Name8">
              <dgm:if name="Name9" func="var" arg="dir" op="equ" val="norm">
                <dgm:alg type="hierChild">
                  <dgm:param type="linDir" val="fromT"/>
                  <dgm:param type="chAlign" val="l"/>
                </dgm:alg>
              </dgm:if>
              <dgm:else name="Name10">
                <dgm:alg type="hierChild">
                  <dgm:param type="linDir" val="fromT"/>
                  <dgm:param type="chAlign" val="r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eat" axis="ch">
              <dgm:forEach name="Name11" axis="self" ptType="parTrans" cnt="1">
                <dgm:layoutNode name="conn2-1">
                  <dgm:choose name="Name12">
                    <dgm:if name="Name13" func="var" arg="dir" op="equ" val="norm">
                      <dgm:alg type="conn">
                        <dgm:param type="dim" val="1D"/>
                        <dgm:param type="begPts" val="midR"/>
                        <dgm:param type="endPts" val="midL"/>
                        <dgm:param type="endSty" val="noArr"/>
                      </dgm:alg>
                    </dgm:if>
                    <dgm:else name="Name14">
                      <dgm:alg type="conn">
                        <dgm:param type="dim" val="1D"/>
                        <dgm:param type="begPts" val="midL"/>
                        <dgm:param type="endPts" val="midR"/>
                        <dgm:param type="endSty" val="noArr"/>
                      </dgm:alg>
                    </dgm:else>
                  </dgm:choose>
                  <dgm:shape xmlns:r="http://schemas.openxmlformats.org/officeDocument/2006/relationships" type="conn" r:blip="">
                    <dgm:adjLst/>
                  </dgm:shape>
                  <dgm:presOf axis="self"/>
                  <dgm:constrLst>
                    <dgm:constr type="w" val="1"/>
                    <dgm:constr type="h" val="5"/>
                    <dgm:constr type="connDist"/>
                    <dgm:constr type="begPad"/>
                    <dgm:constr type="endPad"/>
                    <dgm:constr type="userA" for="ch" refType="connDist"/>
                  </dgm:constrLst>
                  <dgm:ruleLst/>
                  <dgm:layoutNode name="connTx">
                    <dgm:alg type="tx">
                      <dgm:param type="autoTxRot" val="grav"/>
                    </dgm:alg>
                    <dgm:shape xmlns:r="http://schemas.openxmlformats.org/officeDocument/2006/relationships" type="rect" r:blip="" hideGeom="1">
                      <dgm:adjLst/>
                    </dgm:shape>
                    <dgm:presOf axis="self"/>
                    <dgm:constrLst>
                      <dgm:constr type="userA"/>
                      <dgm:constr type="w" refType="userA" fact="0.05"/>
                      <dgm:constr type="h" refType="userA" fact="0.05"/>
                      <dgm:constr type="lMarg" val="1"/>
                      <dgm:constr type="rMarg" val="1"/>
                      <dgm:constr type="tMarg"/>
                      <dgm:constr type="bMarg"/>
                    </dgm:constrLst>
                    <dgm:ruleLst>
                      <dgm:rule type="h" val="NaN" fact="0.25" max="NaN"/>
                      <dgm:rule type="w" val="NaN" fact="0.8" max="NaN"/>
                      <dgm:rule type="primFontSz" val="5" fact="NaN" max="NaN"/>
                    </dgm:ruleLst>
                  </dgm:layoutNode>
                </dgm:layoutNode>
              </dgm:forEach>
              <dgm:forEach name="Name15" axis="self" ptType="node">
                <dgm:layoutNode name="root2">
                  <dgm:choose name="Name16">
                    <dgm:if name="Name17" func="var" arg="dir" op="equ" val="norm">
                      <dgm:alg type="hierRoot">
                        <dgm:param type="hierAlign" val="lCtrCh"/>
                      </dgm:alg>
                    </dgm:if>
                    <dgm:else name="Name18">
                      <dgm:alg type="hierRoot">
                        <dgm:param type="hierAlign" val="rCtrCh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layoutNode name="LevelTwoTextNode">
                    <dgm:varLst>
                      <dgm:chPref val="3"/>
                    </dgm:varLst>
                    <dgm:alg type="tx"/>
                    <dgm:shape xmlns:r="http://schemas.openxmlformats.org/officeDocument/2006/relationships" type="roundRect" r:blip="">
                      <dgm:adjLst>
                        <dgm:adj idx="1" val="0.1"/>
                      </dgm:adjLst>
                    </dgm:shape>
                    <dgm:presOf axis="self"/>
                    <dgm:constrLst>
                      <dgm:constr type="tMarg" refType="primFontSz" fact="0.05"/>
                      <dgm:constr type="bMarg" refType="primFontSz" fact="0.05"/>
                      <dgm:constr type="lMarg" refType="primFontSz" fact="0.05"/>
                      <dgm:constr type="r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level3hierChild">
                    <dgm:choose name="Name19">
                      <dgm:if name="Name20" func="var" arg="dir" op="equ" val="norm">
                        <dgm:alg type="hierChild">
                          <dgm:param type="linDir" val="fromT"/>
                          <dgm:param type="chAlign" val="l"/>
                        </dgm:alg>
                      </dgm:if>
                      <dgm:else name="Name21">
                        <dgm:alg type="hierChild">
                          <dgm:param type="linDir" val="fromT"/>
                          <dgm:param type="chAlign" val="r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  <dgm:forEach name="Name22" ref="repeat"/>
                  </dgm:layoutNode>
                </dgm:layoutNode>
              </dgm:forEach>
            </dgm:forEach>
          </dgm:layoutNode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process1">
  <dgm:title val=""/>
  <dgm:desc val=""/>
  <dgm:catLst>
    <dgm:cat type="process" pri="1000"/>
    <dgm:cat type="convert" pri="15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h" for="ch" ptType="node" op="equ"/>
      <dgm:constr type="primFontSz" for="ch" ptType="node" op="equ" val="65"/>
      <dgm:constr type="w" for="ch" ptType="sibTrans" refType="w" refFor="ch" refPtType="node" op="equ" fact="0.4"/>
      <dgm:constr type="h" for="ch" ptType="sibTrans" op="equ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18" fact="NaN" max="NaN"/>
          <dgm:rule type="h" val="NaN" fact="1.5" max="NaN"/>
          <dgm:rule type="primFontSz" val="5" fact="NaN" max="NaN"/>
          <dgm:rule type="h" val="INF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  <dgm:constr type="begPad" refType="connDist" fact="0.25"/>
            <dgm:constr type="endPad" refType="connDist" fact="0.22"/>
          </dgm:constrLst>
          <dgm:ruleLst/>
          <dgm:layoutNode name="connectorText">
            <dgm:alg type="tx">
              <dgm:param type="autoTxRot" val="grav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process1">
  <dgm:title val=""/>
  <dgm:desc val=""/>
  <dgm:catLst>
    <dgm:cat type="process" pri="1000"/>
    <dgm:cat type="convert" pri="15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h" for="ch" ptType="node" op="equ"/>
      <dgm:constr type="primFontSz" for="ch" ptType="node" op="equ" val="65"/>
      <dgm:constr type="w" for="ch" ptType="sibTrans" refType="w" refFor="ch" refPtType="node" op="equ" fact="0.4"/>
      <dgm:constr type="h" for="ch" ptType="sibTrans" op="equ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18" fact="NaN" max="NaN"/>
          <dgm:rule type="h" val="NaN" fact="1.5" max="NaN"/>
          <dgm:rule type="primFontSz" val="5" fact="NaN" max="NaN"/>
          <dgm:rule type="h" val="INF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  <dgm:constr type="begPad" refType="connDist" fact="0.25"/>
            <dgm:constr type="endPad" refType="connDist" fact="0.22"/>
          </dgm:constrLst>
          <dgm:ruleLst/>
          <dgm:layoutNode name="connectorText">
            <dgm:alg type="tx">
              <dgm:param type="autoTxRot" val="grav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 dirty="0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14-06-2024</a:t>
            </a:fld>
            <a:endParaRPr lang="nl-NL" dirty="0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 dirty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 dirty="0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nr.›</a:t>
            </a:fld>
            <a:endParaRPr lang="nl-NL" altLang="nl-NL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14-06-2024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 dirty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14-06-2024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14-06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14-06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Blanco-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1"/>
          <p:cNvSpPr>
            <a:spLocks noGrp="1"/>
          </p:cNvSpPr>
          <p:nvPr>
            <p:ph type="title"/>
          </p:nvPr>
        </p:nvSpPr>
        <p:spPr>
          <a:xfrm>
            <a:off x="838200" y="365127"/>
            <a:ext cx="10515600" cy="865260"/>
          </a:xfrm>
        </p:spPr>
        <p:txBody>
          <a:bodyPr/>
          <a:lstStyle/>
          <a:p>
            <a:r>
              <a:rPr lang="nl-NL"/>
              <a:t>Klik om de stijl te bewerken</a:t>
            </a:r>
          </a:p>
        </p:txBody>
      </p:sp>
      <p:sp>
        <p:nvSpPr>
          <p:cNvPr id="5" name="Tijdelijke aanduiding voor inhoud 2"/>
          <p:cNvSpPr>
            <a:spLocks noGrp="1"/>
          </p:cNvSpPr>
          <p:nvPr>
            <p:ph idx="1" hasCustomPrompt="1"/>
          </p:nvPr>
        </p:nvSpPr>
        <p:spPr>
          <a:xfrm>
            <a:off x="838200" y="1342240"/>
            <a:ext cx="10515600" cy="4834725"/>
          </a:xfrm>
        </p:spPr>
        <p:txBody>
          <a:bodyPr/>
          <a:lstStyle>
            <a:lvl1pPr algn="l">
              <a:defRPr/>
            </a:lvl1pPr>
            <a:lvl2pPr marL="628568" indent="-285713" algn="l">
              <a:buClr>
                <a:srgbClr val="86D2EE"/>
              </a:buClr>
              <a:buFont typeface="Wingdings" charset="2"/>
              <a:buChar char="§"/>
              <a:defRPr i="0"/>
            </a:lvl2pPr>
            <a:lvl3pPr marL="1028566" indent="-342857" algn="l">
              <a:buFont typeface="Arial" charset="0"/>
              <a:buChar char="•"/>
              <a:defRPr sz="1200" b="0" i="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>
              <a:tabLst/>
              <a:defRPr sz="1400" b="0" spc="0">
                <a:solidFill>
                  <a:srgbClr val="0C2074"/>
                </a:solidFill>
              </a:defRPr>
            </a:lvl4pPr>
            <a:lvl5pPr marL="0" indent="0">
              <a:buNone/>
              <a:tabLst/>
              <a:defRPr sz="1400">
                <a:solidFill>
                  <a:srgbClr val="0C2074"/>
                </a:solidFill>
                <a:latin typeface="+mn-lt"/>
              </a:defRPr>
            </a:lvl5pPr>
            <a:lvl6pPr marL="0" indent="0">
              <a:buNone/>
              <a:tabLst/>
              <a:defRPr sz="1400">
                <a:solidFill>
                  <a:srgbClr val="0C2074"/>
                </a:solidFill>
              </a:defRPr>
            </a:lvl6pPr>
            <a:lvl7pPr marL="7938" indent="0">
              <a:buNone/>
              <a:tabLst/>
              <a:defRPr sz="1400">
                <a:solidFill>
                  <a:srgbClr val="0C2074"/>
                </a:solidFill>
                <a:latin typeface="+mn-lt"/>
              </a:defRPr>
            </a:lvl7pPr>
            <a:lvl8pPr marL="0" indent="0">
              <a:buNone/>
              <a:tabLst/>
              <a:defRPr sz="1400">
                <a:solidFill>
                  <a:srgbClr val="0C2074"/>
                </a:solidFill>
                <a:latin typeface="+mn-lt"/>
              </a:defRPr>
            </a:lvl8pPr>
            <a:lvl9pPr marL="0" indent="0">
              <a:buNone/>
              <a:tabLst/>
              <a:defRPr sz="1400">
                <a:solidFill>
                  <a:srgbClr val="0C2074"/>
                </a:solidFill>
              </a:defRPr>
            </a:lvl9pPr>
          </a:lstStyle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8"/>
            <a:endParaRPr lang="nl-NL"/>
          </a:p>
        </p:txBody>
      </p:sp>
      <p:sp>
        <p:nvSpPr>
          <p:cNvPr id="6" name="Tekstvak 5"/>
          <p:cNvSpPr txBox="1"/>
          <p:nvPr userDrawn="1"/>
        </p:nvSpPr>
        <p:spPr bwMode="auto">
          <a:xfrm>
            <a:off x="10435905" y="6659563"/>
            <a:ext cx="1834392" cy="16926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  <a:ext uri="{FAA26D3D-D897-4be2-8F04-BA451C77F1D7}">
              <ma14:placeholderFlag xmlns="" xmlns:ma14="http://schemas.microsoft.com/office/mac/drawingml/2011/main" val="1"/>
            </a:ext>
          </a:extLst>
        </p:spPr>
        <p:txBody>
          <a:bodyPr vert="horz" wrap="square" lIns="91426" tIns="45713" rIns="91426" bIns="45713" numCol="1" rtlCol="0" anchor="t" anchorCtr="0" compatLnSpc="1">
            <a:prstTxWarp prst="textNoShape">
              <a:avLst/>
            </a:prstTxWarp>
            <a:spAutoFit/>
          </a:bodyPr>
          <a:lstStyle/>
          <a:p>
            <a:pPr algn="r"/>
            <a:r>
              <a:rPr lang="nl-NL" sz="500" i="0" kern="0" dirty="0">
                <a:solidFill>
                  <a:srgbClr val="0C2074"/>
                </a:solidFill>
                <a:latin typeface="+mn-lt"/>
                <a:ea typeface="Arial Black" charset="0"/>
                <a:cs typeface="Arial Black" charset="0"/>
              </a:rPr>
              <a:t>© Erasmus MC ManagementAdvies 2020</a:t>
            </a:r>
          </a:p>
        </p:txBody>
      </p:sp>
    </p:spTree>
    <p:extLst>
      <p:ext uri="{BB962C8B-B14F-4D97-AF65-F5344CB8AC3E}">
        <p14:creationId xmlns:p14="http://schemas.microsoft.com/office/powerpoint/2010/main" val="58502662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14-06-2024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14-06-2024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  <p:sldLayoutId id="2147483987" r:id="rId14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6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image" Target="../media/image13.jpeg"/><Relationship Id="rId1" Type="http://schemas.openxmlformats.org/officeDocument/2006/relationships/slideLayout" Target="../slideLayouts/slideLayout6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6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15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8.png"/><Relationship Id="rId11" Type="http://schemas.openxmlformats.org/officeDocument/2006/relationships/image" Target="../media/image13.jpeg"/><Relationship Id="rId5" Type="http://schemas.openxmlformats.org/officeDocument/2006/relationships/image" Target="../media/image7.png"/><Relationship Id="rId15" Type="http://schemas.openxmlformats.org/officeDocument/2006/relationships/image" Target="../media/image1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jpeg"/><Relationship Id="rId14" Type="http://schemas.openxmlformats.org/officeDocument/2006/relationships/image" Target="../media/image16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15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8.png"/><Relationship Id="rId11" Type="http://schemas.openxmlformats.org/officeDocument/2006/relationships/image" Target="../media/image13.jpeg"/><Relationship Id="rId5" Type="http://schemas.openxmlformats.org/officeDocument/2006/relationships/image" Target="../media/image7.png"/><Relationship Id="rId15" Type="http://schemas.openxmlformats.org/officeDocument/2006/relationships/image" Target="../media/image1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jpeg"/><Relationship Id="rId14" Type="http://schemas.openxmlformats.org/officeDocument/2006/relationships/image" Target="../media/image16.png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15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8.png"/><Relationship Id="rId11" Type="http://schemas.openxmlformats.org/officeDocument/2006/relationships/image" Target="../media/image13.jpeg"/><Relationship Id="rId5" Type="http://schemas.openxmlformats.org/officeDocument/2006/relationships/image" Target="../media/image7.png"/><Relationship Id="rId15" Type="http://schemas.openxmlformats.org/officeDocument/2006/relationships/image" Target="../media/image1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jpeg"/><Relationship Id="rId14" Type="http://schemas.openxmlformats.org/officeDocument/2006/relationships/image" Target="../media/image16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jpe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6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2" Type="http://schemas.openxmlformats.org/officeDocument/2006/relationships/chart" Target="../charts/chart1.xml"/><Relationship Id="rId1" Type="http://schemas.openxmlformats.org/officeDocument/2006/relationships/slideLayout" Target="../slideLayouts/slideLayout6.xml"/><Relationship Id="rId6" Type="http://schemas.openxmlformats.org/officeDocument/2006/relationships/diagramColors" Target="../diagrams/colors2.xml"/><Relationship Id="rId5" Type="http://schemas.openxmlformats.org/officeDocument/2006/relationships/diagramQuickStyle" Target="../diagrams/quickStyle2.xml"/><Relationship Id="rId4" Type="http://schemas.openxmlformats.org/officeDocument/2006/relationships/diagramLayout" Target="../diagrams/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23AA92-FDBC-EFB8-CCA9-89779F81D9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sz="5400" dirty="0" smtClean="0"/>
              <a:t>Elektrocardioversie</a:t>
            </a:r>
            <a:endParaRPr lang="en-NL" sz="540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3E50600-2128-1AD2-156E-DE6FBEA4470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NL" dirty="0" smtClean="0"/>
              <a:t>Klaar terwijl u wacht</a:t>
            </a:r>
          </a:p>
          <a:p>
            <a:endParaRPr lang="nl-NL" sz="1200" dirty="0" smtClean="0"/>
          </a:p>
          <a:p>
            <a:endParaRPr lang="nl-NL" sz="1200" dirty="0"/>
          </a:p>
          <a:p>
            <a:endParaRPr lang="nl-NL" sz="1200" dirty="0" smtClean="0"/>
          </a:p>
          <a:p>
            <a:endParaRPr lang="nl-NL" sz="1200" dirty="0" smtClean="0"/>
          </a:p>
          <a:p>
            <a:r>
              <a:rPr lang="nl-NL" sz="1200" dirty="0" smtClean="0"/>
              <a:t>Koen </a:t>
            </a:r>
            <a:r>
              <a:rPr lang="nl-NL" sz="1200" dirty="0"/>
              <a:t>van der Meer, </a:t>
            </a:r>
            <a:r>
              <a:rPr lang="nl-NL" sz="1200" dirty="0" err="1"/>
              <a:t>Msc</a:t>
            </a:r>
            <a:endParaRPr lang="nl-NL" sz="1200" dirty="0"/>
          </a:p>
          <a:p>
            <a:r>
              <a:rPr lang="nl-NL" sz="1200" dirty="0"/>
              <a:t>Verpleegkundig Specialist Cardiologie Erasmus MC </a:t>
            </a:r>
          </a:p>
          <a:p>
            <a:r>
              <a:rPr lang="nl-NL" sz="1200" dirty="0" smtClean="0"/>
              <a:t>LIDZ </a:t>
            </a:r>
            <a:r>
              <a:rPr lang="nl-NL" sz="1200" dirty="0"/>
              <a:t>verbeterfestival 2024</a:t>
            </a:r>
          </a:p>
          <a:p>
            <a:r>
              <a:rPr lang="nl-NL" sz="1200" dirty="0"/>
              <a:t>14-06-2024</a:t>
            </a:r>
          </a:p>
          <a:p>
            <a:endParaRPr lang="en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D41CDA-64C4-89AB-785A-C5E30C4724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03B1D3-F118-4DC2-9C13-CFA16C6DBB7D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47C3418-8675-811F-0AE1-1FB01315A9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84373-03A5-584D-6ABF-6C708DB7F2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2229731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	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Doelstellingen  	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10" name="Content Placeholder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 bwMode="auto">
          <a:xfrm>
            <a:off x="6255307" y="1825626"/>
            <a:ext cx="5783803" cy="43513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" name="Content Placeholder 8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nl-NL" dirty="0" smtClean="0">
              <a:cs typeface="Arial"/>
            </a:endParaRPr>
          </a:p>
          <a:p>
            <a:pPr marL="0" indent="0">
              <a:buNone/>
            </a:pPr>
            <a:r>
              <a:rPr lang="nl-NL" dirty="0" smtClean="0">
                <a:cs typeface="Arial"/>
              </a:rPr>
              <a:t>Binnen </a:t>
            </a:r>
            <a:r>
              <a:rPr lang="nl-NL" dirty="0">
                <a:cs typeface="Arial"/>
              </a:rPr>
              <a:t>3 maanden na invoering van de tegenmaatregelen </a:t>
            </a:r>
            <a:br>
              <a:rPr lang="nl-NL" dirty="0">
                <a:cs typeface="Arial"/>
              </a:rPr>
            </a:br>
            <a:r>
              <a:rPr lang="nl-NL" dirty="0" smtClean="0">
                <a:cs typeface="Arial"/>
              </a:rPr>
              <a:t>is </a:t>
            </a:r>
            <a:r>
              <a:rPr lang="nl-NL" dirty="0">
                <a:cs typeface="Arial"/>
              </a:rPr>
              <a:t>de doorlooptijd van een ECV-opname in het Erasmus MC verbeterd. </a:t>
            </a:r>
            <a:r>
              <a:rPr lang="nl-NL" dirty="0" smtClean="0">
                <a:cs typeface="Arial"/>
              </a:rPr>
              <a:t/>
            </a:r>
            <a:br>
              <a:rPr lang="nl-NL" dirty="0" smtClean="0">
                <a:cs typeface="Arial"/>
              </a:rPr>
            </a:br>
            <a:r>
              <a:rPr lang="nl-NL" dirty="0" smtClean="0">
                <a:cs typeface="Arial"/>
              </a:rPr>
              <a:t/>
            </a:r>
            <a:br>
              <a:rPr lang="nl-NL" dirty="0" smtClean="0">
                <a:cs typeface="Arial"/>
              </a:rPr>
            </a:br>
            <a:endParaRPr lang="nl-NL" dirty="0" smtClean="0">
              <a:cs typeface="Arial"/>
            </a:endParaRPr>
          </a:p>
          <a:p>
            <a:pPr marL="0" indent="0">
              <a:buNone/>
            </a:pPr>
            <a:r>
              <a:rPr lang="nl-NL" dirty="0" smtClean="0">
                <a:cs typeface="Arial"/>
              </a:rPr>
              <a:t>Er </a:t>
            </a:r>
            <a:r>
              <a:rPr lang="nl-NL" dirty="0">
                <a:cs typeface="Arial"/>
              </a:rPr>
              <a:t>heeft een 50% reductie plaatsgevonden in de wachttijd </a:t>
            </a:r>
            <a:r>
              <a:rPr lang="nl-NL" dirty="0" smtClean="0">
                <a:cs typeface="Arial"/>
              </a:rPr>
              <a:t/>
            </a:r>
            <a:br>
              <a:rPr lang="nl-NL" dirty="0" smtClean="0">
                <a:cs typeface="Arial"/>
              </a:rPr>
            </a:br>
            <a:r>
              <a:rPr lang="nl-NL" dirty="0" smtClean="0">
                <a:cs typeface="Arial"/>
              </a:rPr>
              <a:t>voor </a:t>
            </a:r>
            <a:r>
              <a:rPr lang="nl-NL" dirty="0">
                <a:cs typeface="Arial"/>
              </a:rPr>
              <a:t>patiënten die opgenomen worden voor een  electieve ECV </a:t>
            </a:r>
            <a:r>
              <a:rPr lang="nl-NL" dirty="0" smtClean="0">
                <a:cs typeface="Arial"/>
              </a:rPr>
              <a:t/>
            </a:r>
            <a:br>
              <a:rPr lang="nl-NL" dirty="0" smtClean="0">
                <a:cs typeface="Arial"/>
              </a:rPr>
            </a:br>
            <a:r>
              <a:rPr lang="nl-NL" dirty="0" smtClean="0">
                <a:cs typeface="Arial"/>
              </a:rPr>
              <a:t>in </a:t>
            </a:r>
            <a:r>
              <a:rPr lang="nl-NL" dirty="0">
                <a:cs typeface="Arial"/>
              </a:rPr>
              <a:t>het Erasmus MC. </a:t>
            </a:r>
            <a:r>
              <a:rPr lang="nl-NL" dirty="0" smtClean="0">
                <a:cs typeface="Arial"/>
              </a:rPr>
              <a:t/>
            </a:r>
            <a:br>
              <a:rPr lang="nl-NL" dirty="0" smtClean="0">
                <a:cs typeface="Arial"/>
              </a:rPr>
            </a:br>
            <a:r>
              <a:rPr lang="nl-NL" dirty="0" smtClean="0">
                <a:cs typeface="Arial"/>
              </a:rPr>
              <a:t/>
            </a:r>
            <a:br>
              <a:rPr lang="nl-NL" dirty="0" smtClean="0">
                <a:cs typeface="Arial"/>
              </a:rPr>
            </a:br>
            <a:endParaRPr lang="nl-NL" dirty="0" smtClean="0">
              <a:cs typeface="Arial"/>
            </a:endParaRPr>
          </a:p>
          <a:p>
            <a:pPr marL="0" indent="0">
              <a:buNone/>
            </a:pPr>
            <a:r>
              <a:rPr lang="nl-NL" dirty="0" smtClean="0">
                <a:cs typeface="Arial"/>
              </a:rPr>
              <a:t>Er </a:t>
            </a:r>
            <a:r>
              <a:rPr lang="nl-NL" dirty="0">
                <a:cs typeface="Arial"/>
              </a:rPr>
              <a:t>wordt gestreefd naar continue procesoptimalisatie </a:t>
            </a:r>
            <a:r>
              <a:rPr lang="nl-NL" dirty="0" smtClean="0">
                <a:cs typeface="Arial"/>
              </a:rPr>
              <a:t>om flow </a:t>
            </a:r>
            <a:br>
              <a:rPr lang="nl-NL" dirty="0" smtClean="0">
                <a:cs typeface="Arial"/>
              </a:rPr>
            </a:br>
            <a:r>
              <a:rPr lang="nl-NL" dirty="0" smtClean="0">
                <a:cs typeface="Arial"/>
              </a:rPr>
              <a:t>in </a:t>
            </a:r>
            <a:r>
              <a:rPr lang="nl-NL" dirty="0">
                <a:cs typeface="Arial"/>
              </a:rPr>
              <a:t>het programma te optimaliseren en productie te verhogen </a:t>
            </a:r>
            <a:r>
              <a:rPr lang="nl-NL" dirty="0" smtClean="0">
                <a:cs typeface="Arial"/>
              </a:rPr>
              <a:t/>
            </a:r>
            <a:br>
              <a:rPr lang="nl-NL" dirty="0" smtClean="0">
                <a:cs typeface="Arial"/>
              </a:rPr>
            </a:br>
            <a:r>
              <a:rPr lang="nl-NL" dirty="0" smtClean="0">
                <a:cs typeface="Arial"/>
              </a:rPr>
              <a:t>met </a:t>
            </a:r>
            <a:r>
              <a:rPr lang="nl-NL" dirty="0">
                <a:cs typeface="Arial"/>
              </a:rPr>
              <a:t>gelijke middelen om in te kunnen spelen op de </a:t>
            </a:r>
            <a:r>
              <a:rPr lang="nl-NL" dirty="0" smtClean="0">
                <a:cs typeface="Arial"/>
              </a:rPr>
              <a:t>productievraag</a:t>
            </a:r>
            <a:br>
              <a:rPr lang="nl-NL" dirty="0" smtClean="0">
                <a:cs typeface="Arial"/>
              </a:rPr>
            </a:br>
            <a:r>
              <a:rPr lang="nl-NL" dirty="0" smtClean="0">
                <a:cs typeface="Arial"/>
              </a:rPr>
              <a:t>(wachtlijst). </a:t>
            </a:r>
            <a:br>
              <a:rPr lang="nl-NL" dirty="0" smtClean="0">
                <a:cs typeface="Arial"/>
              </a:rPr>
            </a:b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214064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/>
              <a:t>Ishikawa</a:t>
            </a:r>
          </a:p>
        </p:txBody>
      </p:sp>
      <p:pic>
        <p:nvPicPr>
          <p:cNvPr id="8" name="Tijdelijke aanduiding voor inhoud 7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61089" y="1574508"/>
            <a:ext cx="9950682" cy="5018699"/>
          </a:xfrm>
          <a:prstGeom prst="rect">
            <a:avLst/>
          </a:prstGeom>
        </p:spPr>
      </p:pic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Analyse 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10" name="Tekstvak 9"/>
          <p:cNvSpPr txBox="1"/>
          <p:nvPr/>
        </p:nvSpPr>
        <p:spPr>
          <a:xfrm>
            <a:off x="6445404" y="2504981"/>
            <a:ext cx="1907445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Discrepantie in prioriteiten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11" name="Tekstvak 10"/>
          <p:cNvSpPr txBox="1"/>
          <p:nvPr/>
        </p:nvSpPr>
        <p:spPr>
          <a:xfrm>
            <a:off x="6665786" y="2833595"/>
            <a:ext cx="1942455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Boze/ontevreden patiënten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12" name="Tekstvak 11"/>
          <p:cNvSpPr txBox="1"/>
          <p:nvPr/>
        </p:nvSpPr>
        <p:spPr>
          <a:xfrm>
            <a:off x="4064000" y="2298700"/>
            <a:ext cx="1748492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Veel opnames zelfde tijd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13" name="Tekstvak 12"/>
          <p:cNvSpPr txBox="1"/>
          <p:nvPr/>
        </p:nvSpPr>
        <p:spPr>
          <a:xfrm>
            <a:off x="4292600" y="2781980"/>
            <a:ext cx="2114874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Veel dubbele werkzaamheden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14" name="Tekstvak 13"/>
          <p:cNvSpPr txBox="1"/>
          <p:nvPr/>
        </p:nvSpPr>
        <p:spPr>
          <a:xfrm>
            <a:off x="4533900" y="3299599"/>
            <a:ext cx="1975605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Onduidelijke werkafspraken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15" name="Tekstvak 14"/>
          <p:cNvSpPr txBox="1"/>
          <p:nvPr/>
        </p:nvSpPr>
        <p:spPr>
          <a:xfrm>
            <a:off x="4787900" y="3759200"/>
            <a:ext cx="1877886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Geen standaard werkwijze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16" name="Tekstvak 15"/>
          <p:cNvSpPr txBox="1"/>
          <p:nvPr/>
        </p:nvSpPr>
        <p:spPr>
          <a:xfrm>
            <a:off x="1841500" y="3058979"/>
            <a:ext cx="160633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Lab bepalingen duren </a:t>
            </a:r>
          </a:p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minimaal 60 minuten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17" name="Tekstvak 16"/>
          <p:cNvSpPr txBox="1"/>
          <p:nvPr/>
        </p:nvSpPr>
        <p:spPr>
          <a:xfrm>
            <a:off x="2184400" y="4533900"/>
            <a:ext cx="1809983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Dubbel gebruik materiaal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20" name="Ovaal 19"/>
          <p:cNvSpPr/>
          <p:nvPr/>
        </p:nvSpPr>
        <p:spPr>
          <a:xfrm>
            <a:off x="1746839" y="2811724"/>
            <a:ext cx="1873574" cy="787400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n w="0"/>
              <a:solidFill>
                <a:schemeClr val="accent1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</a:endParaRPr>
          </a:p>
        </p:txBody>
      </p:sp>
      <p:sp>
        <p:nvSpPr>
          <p:cNvPr id="18" name="Tekstvak 17"/>
          <p:cNvSpPr txBox="1"/>
          <p:nvPr/>
        </p:nvSpPr>
        <p:spPr>
          <a:xfrm>
            <a:off x="4787900" y="4533900"/>
            <a:ext cx="2025426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Opname en ECV programma </a:t>
            </a:r>
          </a:p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gebeurd in dezelfde ruimte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19" name="Tekstvak 18"/>
          <p:cNvSpPr txBox="1"/>
          <p:nvPr/>
        </p:nvSpPr>
        <p:spPr>
          <a:xfrm>
            <a:off x="6665786" y="5426363"/>
            <a:ext cx="2996974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Angst om werk te verliezen waardoor </a:t>
            </a:r>
          </a:p>
          <a:p>
            <a:pPr algn="l"/>
            <a:r>
              <a:rPr lang="nl-NL" sz="1200" b="1" i="0" dirty="0" smtClean="0">
                <a:ea typeface="Arial" charset="0"/>
                <a:cs typeface="Arial" charset="0"/>
              </a:rPr>
              <a:t>geen volledig inzicht EKG/wachttijd (kliniek)</a:t>
            </a:r>
            <a:endParaRPr lang="en-US" sz="1200" b="1" i="0" dirty="0" smtClean="0">
              <a:ea typeface="Arial" charset="0"/>
              <a:cs typeface="Arial" charset="0"/>
            </a:endParaRPr>
          </a:p>
        </p:txBody>
      </p:sp>
      <p:sp>
        <p:nvSpPr>
          <p:cNvPr id="22" name="Ovaal 21"/>
          <p:cNvSpPr/>
          <p:nvPr/>
        </p:nvSpPr>
        <p:spPr>
          <a:xfrm>
            <a:off x="3994383" y="2010607"/>
            <a:ext cx="1873574" cy="787400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n w="0"/>
              <a:solidFill>
                <a:schemeClr val="accent1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</a:endParaRPr>
          </a:p>
        </p:txBody>
      </p:sp>
      <p:sp>
        <p:nvSpPr>
          <p:cNvPr id="25" name="Ovaal 24"/>
          <p:cNvSpPr/>
          <p:nvPr/>
        </p:nvSpPr>
        <p:spPr>
          <a:xfrm>
            <a:off x="4413250" y="2517223"/>
            <a:ext cx="1873574" cy="787400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n w="0"/>
              <a:solidFill>
                <a:schemeClr val="accent1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</a:endParaRPr>
          </a:p>
        </p:txBody>
      </p:sp>
      <p:sp>
        <p:nvSpPr>
          <p:cNvPr id="28" name="Ovaal 27"/>
          <p:cNvSpPr/>
          <p:nvPr/>
        </p:nvSpPr>
        <p:spPr>
          <a:xfrm>
            <a:off x="4714130" y="3628213"/>
            <a:ext cx="2025426" cy="644797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791523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6782"/>
          <a:stretch/>
        </p:blipFill>
        <p:spPr>
          <a:xfrm>
            <a:off x="6269061" y="0"/>
            <a:ext cx="5926147" cy="5386871"/>
          </a:xfrm>
          <a:prstGeom prst="rect">
            <a:avLst/>
          </a:prstGeom>
        </p:spPr>
      </p:pic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Grondoorzaken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nl-NL" dirty="0" smtClean="0"/>
              <a:t>Er </a:t>
            </a:r>
            <a:r>
              <a:rPr lang="nl-NL" dirty="0"/>
              <a:t>is weinig </a:t>
            </a:r>
            <a:r>
              <a:rPr lang="nl-NL" u="sng" dirty="0"/>
              <a:t>spreiding</a:t>
            </a:r>
            <a:r>
              <a:rPr lang="nl-NL" dirty="0"/>
              <a:t> in opnametijden voor alle patiënten die opgenomen </a:t>
            </a:r>
            <a:r>
              <a:rPr lang="nl-NL" dirty="0" smtClean="0"/>
              <a:t>worden </a:t>
            </a:r>
            <a:br>
              <a:rPr lang="nl-NL" dirty="0" smtClean="0"/>
            </a:br>
            <a:r>
              <a:rPr lang="nl-NL" dirty="0" smtClean="0"/>
              <a:t>ongeacht de geplande proceduretijd waarbij de opnames </a:t>
            </a:r>
            <a:r>
              <a:rPr lang="nl-NL" dirty="0"/>
              <a:t>van de </a:t>
            </a:r>
            <a:r>
              <a:rPr lang="nl-NL" dirty="0" smtClean="0"/>
              <a:t>hele dag bijna </a:t>
            </a:r>
            <a:br>
              <a:rPr lang="nl-NL" dirty="0" smtClean="0"/>
            </a:br>
            <a:r>
              <a:rPr lang="nl-NL" dirty="0" smtClean="0"/>
              <a:t>altijd wordt gedaan door </a:t>
            </a:r>
            <a:r>
              <a:rPr lang="nl-NL" dirty="0"/>
              <a:t>de </a:t>
            </a:r>
            <a:r>
              <a:rPr lang="nl-NL" dirty="0" smtClean="0"/>
              <a:t>kliniek-assistenten die samen </a:t>
            </a:r>
            <a:r>
              <a:rPr lang="nl-NL" dirty="0"/>
              <a:t>1 patiënt </a:t>
            </a:r>
            <a:r>
              <a:rPr lang="nl-NL" dirty="0" smtClean="0"/>
              <a:t>opnemen</a:t>
            </a:r>
          </a:p>
          <a:p>
            <a:pPr marL="0" indent="0">
              <a:buNone/>
            </a:pPr>
            <a:r>
              <a:rPr lang="nl-NL" dirty="0" smtClean="0"/>
              <a:t/>
            </a:r>
            <a:br>
              <a:rPr lang="nl-NL" dirty="0" smtClean="0"/>
            </a:br>
            <a:r>
              <a:rPr lang="nl-NL" dirty="0" smtClean="0"/>
              <a:t>Het verpleegkundig </a:t>
            </a:r>
            <a:r>
              <a:rPr lang="nl-NL" dirty="0"/>
              <a:t>opname-protocol kent veel </a:t>
            </a:r>
            <a:r>
              <a:rPr lang="nl-NL" u="sng" dirty="0"/>
              <a:t>dubbele</a:t>
            </a:r>
            <a:r>
              <a:rPr lang="nl-NL" dirty="0"/>
              <a:t> werkzaamheden </a:t>
            </a:r>
            <a:r>
              <a:rPr lang="nl-NL" dirty="0" smtClean="0"/>
              <a:t/>
            </a:r>
            <a:br>
              <a:rPr lang="nl-NL" dirty="0" smtClean="0"/>
            </a:br>
            <a:r>
              <a:rPr lang="nl-NL" dirty="0" smtClean="0"/>
              <a:t>die </a:t>
            </a:r>
            <a:r>
              <a:rPr lang="nl-NL" dirty="0"/>
              <a:t>ook tijdens ECV </a:t>
            </a:r>
            <a:r>
              <a:rPr lang="nl-NL" dirty="0" smtClean="0"/>
              <a:t>uitgevoerd moeten worden</a:t>
            </a:r>
            <a:br>
              <a:rPr lang="nl-NL" dirty="0" smtClean="0"/>
            </a:br>
            <a:r>
              <a:rPr lang="nl-NL" dirty="0" smtClean="0"/>
              <a:t/>
            </a:r>
            <a:br>
              <a:rPr lang="nl-NL" dirty="0" smtClean="0"/>
            </a:br>
            <a:r>
              <a:rPr lang="nl-NL" dirty="0" smtClean="0"/>
              <a:t>Indien </a:t>
            </a:r>
            <a:r>
              <a:rPr lang="nl-NL" dirty="0"/>
              <a:t>niet-EKG in het opname-proces dan wordt dit vaak pas tijdens </a:t>
            </a:r>
            <a:br>
              <a:rPr lang="nl-NL" dirty="0"/>
            </a:br>
            <a:r>
              <a:rPr lang="nl-NL" dirty="0" smtClean="0"/>
              <a:t>de </a:t>
            </a:r>
            <a:r>
              <a:rPr lang="nl-NL" dirty="0"/>
              <a:t>ECV opgemerkt</a:t>
            </a:r>
          </a:p>
          <a:p>
            <a:pPr marL="0" indent="0">
              <a:buNone/>
            </a:pPr>
            <a:r>
              <a:rPr lang="nl-NL" dirty="0" smtClean="0"/>
              <a:t/>
            </a:r>
            <a:br>
              <a:rPr lang="nl-NL" dirty="0" smtClean="0"/>
            </a:br>
            <a:r>
              <a:rPr lang="nl-NL" dirty="0" smtClean="0"/>
              <a:t>Verwerkingstijd </a:t>
            </a:r>
            <a:r>
              <a:rPr lang="nl-NL" dirty="0"/>
              <a:t>van </a:t>
            </a:r>
            <a:r>
              <a:rPr lang="nl-NL" dirty="0" smtClean="0"/>
              <a:t>de laboratoriumuitslagen in het algemeen klinisch chemisch </a:t>
            </a:r>
            <a:br>
              <a:rPr lang="nl-NL" dirty="0" smtClean="0"/>
            </a:br>
            <a:r>
              <a:rPr lang="nl-NL" dirty="0" smtClean="0"/>
              <a:t>en </a:t>
            </a:r>
            <a:r>
              <a:rPr lang="nl-NL" dirty="0"/>
              <a:t>hemostase-lab is minimaal 60 </a:t>
            </a:r>
            <a:r>
              <a:rPr lang="nl-NL" dirty="0" smtClean="0"/>
              <a:t>minuten</a:t>
            </a:r>
            <a:br>
              <a:rPr lang="nl-NL" dirty="0" smtClean="0"/>
            </a:br>
            <a:r>
              <a:rPr lang="nl-NL" dirty="0" smtClean="0"/>
              <a:t/>
            </a:r>
            <a:br>
              <a:rPr lang="nl-NL" dirty="0" smtClean="0"/>
            </a:br>
            <a:r>
              <a:rPr lang="nl-NL" dirty="0" smtClean="0"/>
              <a:t>Er is geen structureel overleg-moment voor of na het ECV programma.</a:t>
            </a:r>
            <a:br>
              <a:rPr lang="nl-NL" dirty="0" smtClean="0"/>
            </a:br>
            <a:r>
              <a:rPr lang="nl-NL" dirty="0" smtClean="0"/>
              <a:t/>
            </a:r>
            <a:br>
              <a:rPr lang="nl-NL" dirty="0" smtClean="0"/>
            </a:br>
            <a:r>
              <a:rPr lang="nl-NL" dirty="0" smtClean="0"/>
              <a:t>Er </a:t>
            </a:r>
            <a:r>
              <a:rPr lang="nl-NL" dirty="0"/>
              <a:t>is geen eenduidige werkwijze bij de behandelaren rondom een ECV</a:t>
            </a:r>
          </a:p>
          <a:p>
            <a:endParaRPr lang="nl-NL" dirty="0" smtClean="0"/>
          </a:p>
          <a:p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Analyse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1246160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PICK Chart </a:t>
            </a:r>
            <a:endParaRPr lang="en-US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Tegenmaatregelen	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8" name="Tijdelijke aanduiding voor inhoud 7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144874" y="1336232"/>
            <a:ext cx="7902252" cy="48237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197194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Implementatieplan 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Tegenmaatregelen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4</a:t>
            </a:fld>
            <a:endParaRPr lang="en-GB" dirty="0"/>
          </a:p>
        </p:txBody>
      </p:sp>
      <p:graphicFrame>
        <p:nvGraphicFramePr>
          <p:cNvPr id="11" name="Tijdelijke aanduiding voor inhoud 10"/>
          <p:cNvGraphicFramePr>
            <a:graphicFrameLocks noGrp="1"/>
          </p:cNvGraphicFramePr>
          <p:nvPr>
            <p:ph idx="1"/>
            <p:extLst/>
          </p:nvPr>
        </p:nvGraphicFramePr>
        <p:xfrm>
          <a:off x="631825" y="1825625"/>
          <a:ext cx="10209212" cy="41605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52303">
                  <a:extLst>
                    <a:ext uri="{9D8B030D-6E8A-4147-A177-3AD203B41FA5}">
                      <a16:colId xmlns:a16="http://schemas.microsoft.com/office/drawing/2014/main" val="3655860842"/>
                    </a:ext>
                  </a:extLst>
                </a:gridCol>
                <a:gridCol w="2552303">
                  <a:extLst>
                    <a:ext uri="{9D8B030D-6E8A-4147-A177-3AD203B41FA5}">
                      <a16:colId xmlns:a16="http://schemas.microsoft.com/office/drawing/2014/main" val="909585617"/>
                    </a:ext>
                  </a:extLst>
                </a:gridCol>
                <a:gridCol w="1151386">
                  <a:extLst>
                    <a:ext uri="{9D8B030D-6E8A-4147-A177-3AD203B41FA5}">
                      <a16:colId xmlns:a16="http://schemas.microsoft.com/office/drawing/2014/main" val="551185030"/>
                    </a:ext>
                  </a:extLst>
                </a:gridCol>
                <a:gridCol w="3953220">
                  <a:extLst>
                    <a:ext uri="{9D8B030D-6E8A-4147-A177-3AD203B41FA5}">
                      <a16:colId xmlns:a16="http://schemas.microsoft.com/office/drawing/2014/main" val="318265739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 smtClean="0"/>
                        <a:t>Tegenmaatregel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smtClean="0"/>
                        <a:t>Tijdspad 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smtClean="0"/>
                        <a:t>Schaal 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smtClean="0"/>
                        <a:t>Verandwoordelijk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9292217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Invoeren sneltest*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2</a:t>
                      </a:r>
                      <a:r>
                        <a:rPr lang="en-US" sz="1600" baseline="0" dirty="0" smtClean="0"/>
                        <a:t> weken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Quick Win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Mieke / Koen</a:t>
                      </a:r>
                      <a:endParaRPr lang="en-US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0540953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Invoeren voorbespreking</a:t>
                      </a:r>
                      <a:r>
                        <a:rPr lang="en-US" sz="1600" baseline="0" dirty="0" smtClean="0"/>
                        <a:t> en nabespreking*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Doorlopend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Quick Win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Mieke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dirty="0" smtClean="0"/>
                        <a:t>Team VS</a:t>
                      </a:r>
                    </a:p>
                    <a:p>
                      <a:r>
                        <a:rPr lang="en-US" sz="1600" dirty="0" smtClean="0"/>
                        <a:t>Team Sedatie </a:t>
                      </a:r>
                      <a:endParaRPr lang="en-US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036953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Opnames a 30 minuten *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4 weken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A3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Mieke / Koen</a:t>
                      </a:r>
                      <a:endParaRPr lang="en-US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5787291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Opname</a:t>
                      </a:r>
                      <a:r>
                        <a:rPr lang="en-US" sz="1600" baseline="0" dirty="0" smtClean="0"/>
                        <a:t> en ECV combineren*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4 weken 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A3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Gieneke / Mark / Mieke  / Koen </a:t>
                      </a:r>
                      <a:endParaRPr lang="en-US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894668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Extra patient inplannen FIFO</a:t>
                      </a:r>
                      <a:r>
                        <a:rPr lang="en-US" sz="1600" baseline="0" dirty="0" smtClean="0"/>
                        <a:t> (met geplande wachttijd) *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baseline="0" dirty="0" smtClean="0"/>
                        <a:t>4 weken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A3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Planningssecretariaat / Koen / Mieke </a:t>
                      </a:r>
                      <a:endParaRPr lang="en-US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8508594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Electieve ECV op dalmoment elektrofysiologie</a:t>
                      </a:r>
                      <a:r>
                        <a:rPr lang="en-US" sz="1600" baseline="0" dirty="0" smtClean="0"/>
                        <a:t> (extra)*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3 maanden</a:t>
                      </a:r>
                      <a:r>
                        <a:rPr lang="en-US" sz="1600" baseline="0" dirty="0" smtClean="0"/>
                        <a:t>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A3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Koen/Steffanie/</a:t>
                      </a:r>
                    </a:p>
                    <a:p>
                      <a:r>
                        <a:rPr lang="en-US" sz="1600" dirty="0" smtClean="0"/>
                        <a:t>Anesthesie</a:t>
                      </a:r>
                      <a:endParaRPr lang="en-US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54358872"/>
                  </a:ext>
                </a:extLst>
              </a:tr>
            </a:tbl>
          </a:graphicData>
        </a:graphic>
      </p:graphicFrame>
      <p:sp>
        <p:nvSpPr>
          <p:cNvPr id="3" name="Tekstvak 2"/>
          <p:cNvSpPr txBox="1"/>
          <p:nvPr/>
        </p:nvSpPr>
        <p:spPr>
          <a:xfrm>
            <a:off x="631825" y="5986145"/>
            <a:ext cx="4974503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600" i="0" dirty="0" smtClean="0">
                <a:ea typeface="Arial" charset="0"/>
                <a:cs typeface="Arial" charset="0"/>
              </a:rPr>
              <a:t>* PDCA doorlopen bij invoeren van iedere tegenmaatregel</a:t>
            </a:r>
            <a:endParaRPr lang="en-US" sz="1600" i="0" dirty="0" smtClean="0">
              <a:ea typeface="Arial" charset="0"/>
              <a:cs typeface="Arial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891862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Mail van patient </a:t>
            </a:r>
            <a:endParaRPr lang="en-US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 smtClean="0"/>
              <a:t>Gebruik </a:t>
            </a:r>
            <a:r>
              <a:rPr lang="en-US" dirty="0"/>
              <a:t>van deze mail is met toestemming van de patient</a:t>
            </a:r>
          </a:p>
          <a:p>
            <a:pPr marL="0" indent="0">
              <a:buNone/>
            </a:pPr>
            <a:endParaRPr lang="nl-NL" dirty="0" smtClean="0"/>
          </a:p>
          <a:p>
            <a:pPr marL="0" indent="0">
              <a:buNone/>
            </a:pPr>
            <a:r>
              <a:rPr lang="nl-NL" dirty="0" smtClean="0"/>
              <a:t>Geachte </a:t>
            </a:r>
            <a:r>
              <a:rPr lang="nl-NL" dirty="0"/>
              <a:t>dames en heren,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nl-NL" dirty="0" smtClean="0"/>
              <a:t>Gisteren </a:t>
            </a:r>
            <a:r>
              <a:rPr lang="nl-NL" dirty="0"/>
              <a:t>heb ik bij u een succesvolle cardioversie ondergaan. (Onder begeleiding van Pink Floyd muziek....., echt bijzonder.)</a:t>
            </a:r>
            <a:endParaRPr lang="en-US" dirty="0"/>
          </a:p>
          <a:p>
            <a:pPr marL="0" indent="0">
              <a:buNone/>
            </a:pPr>
            <a:r>
              <a:rPr lang="nl-NL" dirty="0" smtClean="0"/>
              <a:t>Ik </a:t>
            </a:r>
            <a:r>
              <a:rPr lang="nl-NL" dirty="0"/>
              <a:t>heb jullie allemaal als zeer professioneel en vriendelijk ervaren. Vlot, adequaat en goed gehumeurd. Van planbureau tot en met de laatste "ontslag" handelingen. Gewoon allemaal/iedereen. Een goed geoliede machine. Ik zou echt niet weten wat beter zou hebben gekund. Dus mijn grote dank daarvoor.</a:t>
            </a:r>
            <a:endParaRPr lang="en-US" dirty="0"/>
          </a:p>
          <a:p>
            <a:pPr marL="0" indent="0">
              <a:buNone/>
            </a:pPr>
            <a:r>
              <a:rPr lang="nl-NL" dirty="0" smtClean="0"/>
              <a:t>Ik </a:t>
            </a:r>
            <a:r>
              <a:rPr lang="nl-NL" dirty="0"/>
              <a:t>voel me weer uitstekend. En ik kan me nu niets meer bedenken dat lekkerder/fijner is dan een normaal kloppend hart.....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nl-NL" dirty="0"/>
              <a:t>Nogmaals mij grote dank en met vriendelijke groeten,</a:t>
            </a:r>
            <a:endParaRPr lang="en-US" dirty="0"/>
          </a:p>
          <a:p>
            <a:endParaRPr lang="en-US" dirty="0" smtClean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Resultaat 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010515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 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Testen, leren 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6</a:t>
            </a:fld>
            <a:endParaRPr lang="en-GB" dirty="0"/>
          </a:p>
        </p:txBody>
      </p:sp>
      <p:graphicFrame>
        <p:nvGraphicFramePr>
          <p:cNvPr id="8" name="Tijdelijke aanduiding voor inhoud 7"/>
          <p:cNvGraphicFramePr>
            <a:graphicFrameLocks noGrp="1"/>
          </p:cNvGraphicFramePr>
          <p:nvPr>
            <p:ph idx="1"/>
            <p:extLst/>
          </p:nvPr>
        </p:nvGraphicFramePr>
        <p:xfrm>
          <a:off x="866703" y="1041859"/>
          <a:ext cx="10209212" cy="555244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52303">
                  <a:extLst>
                    <a:ext uri="{9D8B030D-6E8A-4147-A177-3AD203B41FA5}">
                      <a16:colId xmlns:a16="http://schemas.microsoft.com/office/drawing/2014/main" val="2058594634"/>
                    </a:ext>
                  </a:extLst>
                </a:gridCol>
                <a:gridCol w="2552303">
                  <a:extLst>
                    <a:ext uri="{9D8B030D-6E8A-4147-A177-3AD203B41FA5}">
                      <a16:colId xmlns:a16="http://schemas.microsoft.com/office/drawing/2014/main" val="2236507277"/>
                    </a:ext>
                  </a:extLst>
                </a:gridCol>
                <a:gridCol w="2552303">
                  <a:extLst>
                    <a:ext uri="{9D8B030D-6E8A-4147-A177-3AD203B41FA5}">
                      <a16:colId xmlns:a16="http://schemas.microsoft.com/office/drawing/2014/main" val="1534316408"/>
                    </a:ext>
                  </a:extLst>
                </a:gridCol>
                <a:gridCol w="2552303">
                  <a:extLst>
                    <a:ext uri="{9D8B030D-6E8A-4147-A177-3AD203B41FA5}">
                      <a16:colId xmlns:a16="http://schemas.microsoft.com/office/drawing/2014/main" val="612002500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 smtClean="0"/>
                        <a:t>Tegenmaatregel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smtClean="0"/>
                        <a:t>Tijdspad 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smtClean="0"/>
                        <a:t>Schaal </a:t>
                      </a:r>
                      <a:endParaRPr lang="en-US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 smtClean="0"/>
                        <a:t>Evaluatie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2792248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Invoeren sneltest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2</a:t>
                      </a:r>
                      <a:r>
                        <a:rPr lang="en-US" sz="1600" baseline="0" dirty="0" smtClean="0"/>
                        <a:t> weken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Quick Win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indent="-285750">
                        <a:buFontTx/>
                        <a:buChar char="-"/>
                      </a:pPr>
                      <a:r>
                        <a:rPr lang="en-US" sz="1600" dirty="0" smtClean="0"/>
                        <a:t>Sneltest werkt </a:t>
                      </a:r>
                      <a:r>
                        <a:rPr lang="en-US" sz="1600" dirty="0" smtClean="0">
                          <a:solidFill>
                            <a:srgbClr val="00B050"/>
                          </a:solidFill>
                        </a:rPr>
                        <a:t>√</a:t>
                      </a:r>
                    </a:p>
                    <a:p>
                      <a:pPr marL="285750" indent="-285750">
                        <a:buFontTx/>
                        <a:buChar char="-"/>
                      </a:pPr>
                      <a:r>
                        <a:rPr lang="en-US" sz="1600" dirty="0" smtClean="0"/>
                        <a:t>Reductie</a:t>
                      </a:r>
                      <a:r>
                        <a:rPr lang="en-US" sz="1600" baseline="0" dirty="0" smtClean="0"/>
                        <a:t> wachttijd </a:t>
                      </a:r>
                      <a:r>
                        <a:rPr lang="en-US" sz="1600" dirty="0" smtClean="0">
                          <a:solidFill>
                            <a:srgbClr val="00B050"/>
                          </a:solidFill>
                        </a:rPr>
                        <a:t>√</a:t>
                      </a:r>
                      <a:endParaRPr lang="en-US" sz="1600" baseline="0" dirty="0" smtClean="0"/>
                    </a:p>
                    <a:p>
                      <a:pPr marL="285750" indent="-285750">
                        <a:buFontTx/>
                        <a:buChar char="-"/>
                      </a:pPr>
                      <a:r>
                        <a:rPr lang="en-US" sz="1600" dirty="0" smtClean="0"/>
                        <a:t>Stagnatie</a:t>
                      </a:r>
                      <a:r>
                        <a:rPr lang="en-US" sz="1600" baseline="0" dirty="0" smtClean="0"/>
                        <a:t> in ECV programma </a:t>
                      </a:r>
                      <a:r>
                        <a:rPr lang="en-US" sz="1600" baseline="0" dirty="0" smtClean="0">
                          <a:solidFill>
                            <a:srgbClr val="FF0000"/>
                          </a:solidFill>
                        </a:rPr>
                        <a:t>X</a:t>
                      </a:r>
                    </a:p>
                    <a:p>
                      <a:pPr marL="285750" indent="-285750">
                        <a:buFontTx/>
                        <a:buChar char="-"/>
                      </a:pPr>
                      <a:r>
                        <a:rPr lang="en-US" sz="1600" baseline="0" dirty="0" smtClean="0"/>
                        <a:t>Geen flow </a:t>
                      </a:r>
                      <a:r>
                        <a:rPr lang="en-US" sz="1600" baseline="0" dirty="0" smtClean="0">
                          <a:solidFill>
                            <a:srgbClr val="FF0000"/>
                          </a:solidFill>
                        </a:rPr>
                        <a:t>X</a:t>
                      </a:r>
                      <a:endParaRPr lang="en-US" sz="1600" baseline="0" dirty="0" smtClean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9197084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Invoeren voorbespreking</a:t>
                      </a:r>
                      <a:r>
                        <a:rPr lang="en-US" sz="1600" baseline="0" dirty="0" smtClean="0"/>
                        <a:t> en nabespreking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Doorlopend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dirty="0" smtClean="0"/>
                        <a:t>Quick Win </a:t>
                      </a:r>
                    </a:p>
                    <a:p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- Kaizen </a:t>
                      </a:r>
                      <a:r>
                        <a:rPr lang="en-US" sz="1600" dirty="0" smtClean="0">
                          <a:solidFill>
                            <a:srgbClr val="00B050"/>
                          </a:solidFill>
                        </a:rPr>
                        <a:t>√</a:t>
                      </a:r>
                      <a:endParaRPr lang="en-US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1520229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Opnames a 30 minuten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4 weken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A3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marR="0" lvl="0" indent="-2857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Char char="-"/>
                        <a:tabLst/>
                        <a:defRPr/>
                      </a:pPr>
                      <a:r>
                        <a:rPr lang="en-US" sz="1600" dirty="0" smtClean="0"/>
                        <a:t>Reductie</a:t>
                      </a:r>
                      <a:r>
                        <a:rPr lang="en-US" sz="1600" baseline="0" dirty="0" smtClean="0"/>
                        <a:t> wachttijd </a:t>
                      </a:r>
                      <a:r>
                        <a:rPr lang="en-US" sz="1600" dirty="0" smtClean="0">
                          <a:solidFill>
                            <a:srgbClr val="00B050"/>
                          </a:solidFill>
                        </a:rPr>
                        <a:t>√</a:t>
                      </a:r>
                      <a:endParaRPr lang="en-US" sz="1600" baseline="0" dirty="0" smtClean="0"/>
                    </a:p>
                    <a:p>
                      <a:pPr marL="285750" indent="-285750">
                        <a:buFontTx/>
                        <a:buChar char="-"/>
                      </a:pPr>
                      <a:r>
                        <a:rPr lang="en-US" sz="1600" dirty="0" smtClean="0"/>
                        <a:t>Stilstand</a:t>
                      </a:r>
                      <a:r>
                        <a:rPr lang="en-US" sz="1600" baseline="0" dirty="0" smtClean="0"/>
                        <a:t> ECV programma </a:t>
                      </a:r>
                      <a:r>
                        <a:rPr lang="en-US" sz="1600" baseline="0" dirty="0" smtClean="0">
                          <a:solidFill>
                            <a:srgbClr val="FF0000"/>
                          </a:solidFill>
                        </a:rPr>
                        <a:t>X</a:t>
                      </a:r>
                      <a:endParaRPr lang="en-US" sz="1600" baseline="0" dirty="0" smtClean="0"/>
                    </a:p>
                    <a:p>
                      <a:pPr marL="285750" indent="-285750">
                        <a:buFontTx/>
                        <a:buChar char="-"/>
                      </a:pPr>
                      <a:r>
                        <a:rPr lang="en-US" sz="1600" baseline="0" dirty="0" smtClean="0"/>
                        <a:t>Push </a:t>
                      </a:r>
                      <a:r>
                        <a:rPr lang="en-US" sz="1600" baseline="0" dirty="0" smtClean="0">
                          <a:solidFill>
                            <a:srgbClr val="FF0000"/>
                          </a:solidFill>
                        </a:rPr>
                        <a:t>X</a:t>
                      </a:r>
                      <a:endParaRPr lang="en-US" sz="1600" dirty="0" smtClean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560925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Opname</a:t>
                      </a:r>
                      <a:r>
                        <a:rPr lang="en-US" sz="1600" baseline="0" dirty="0" smtClean="0"/>
                        <a:t> en ECV combineren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4 weken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A3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marR="0" lvl="0" indent="-2857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Char char="-"/>
                        <a:tabLst/>
                        <a:defRPr/>
                      </a:pPr>
                      <a:r>
                        <a:rPr lang="en-US" sz="1600" dirty="0" smtClean="0"/>
                        <a:t>Reductie</a:t>
                      </a:r>
                      <a:r>
                        <a:rPr lang="en-US" sz="1600" baseline="0" dirty="0" smtClean="0"/>
                        <a:t> wachttijd </a:t>
                      </a:r>
                      <a:r>
                        <a:rPr lang="en-US" sz="1600" dirty="0" smtClean="0">
                          <a:solidFill>
                            <a:srgbClr val="00B050"/>
                          </a:solidFill>
                        </a:rPr>
                        <a:t>√</a:t>
                      </a:r>
                      <a:endParaRPr lang="en-US" sz="1600" baseline="0" dirty="0" smtClean="0"/>
                    </a:p>
                    <a:p>
                      <a:pPr marL="285750" indent="-285750">
                        <a:buFontTx/>
                        <a:buChar char="-"/>
                      </a:pPr>
                      <a:r>
                        <a:rPr lang="en-US" sz="1600" dirty="0" smtClean="0"/>
                        <a:t>Pull</a:t>
                      </a:r>
                      <a:r>
                        <a:rPr lang="en-US" sz="1600" baseline="0" dirty="0" smtClean="0"/>
                        <a:t> </a:t>
                      </a:r>
                      <a:r>
                        <a:rPr lang="en-US" sz="1600" dirty="0" smtClean="0">
                          <a:solidFill>
                            <a:srgbClr val="00B050"/>
                          </a:solidFill>
                        </a:rPr>
                        <a:t>√</a:t>
                      </a:r>
                      <a:endParaRPr lang="en-US" sz="1600" dirty="0" smtClean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152006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Extra patienten plannen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baseline="0" dirty="0" smtClean="0"/>
                        <a:t>4 weken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A3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marR="0" lvl="0" indent="-2857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Char char="-"/>
                        <a:tabLst/>
                        <a:defRPr/>
                      </a:pPr>
                      <a:r>
                        <a:rPr lang="en-US" sz="1600" dirty="0" smtClean="0"/>
                        <a:t>Reductie</a:t>
                      </a:r>
                      <a:r>
                        <a:rPr lang="en-US" sz="1600" baseline="0" dirty="0" smtClean="0"/>
                        <a:t> wachttijd </a:t>
                      </a:r>
                      <a:r>
                        <a:rPr lang="en-US" sz="1600" dirty="0" smtClean="0">
                          <a:solidFill>
                            <a:srgbClr val="00B050"/>
                          </a:solidFill>
                        </a:rPr>
                        <a:t>√</a:t>
                      </a:r>
                      <a:endParaRPr lang="en-US" sz="1600" baseline="0" dirty="0" smtClean="0"/>
                    </a:p>
                    <a:p>
                      <a:pPr marL="285750" indent="-285750">
                        <a:buFontTx/>
                        <a:buChar char="-"/>
                      </a:pPr>
                      <a:r>
                        <a:rPr lang="en-US" sz="1600" dirty="0" smtClean="0"/>
                        <a:t>FIFO</a:t>
                      </a:r>
                      <a:r>
                        <a:rPr lang="en-US" sz="1600" baseline="0" dirty="0" smtClean="0"/>
                        <a:t> </a:t>
                      </a:r>
                      <a:r>
                        <a:rPr lang="en-US" sz="1600" dirty="0" smtClean="0">
                          <a:solidFill>
                            <a:srgbClr val="00B050"/>
                          </a:solidFill>
                        </a:rPr>
                        <a:t>√</a:t>
                      </a:r>
                    </a:p>
                    <a:p>
                      <a:pPr marL="285750" indent="-285750">
                        <a:buFontTx/>
                        <a:buChar char="-"/>
                      </a:pPr>
                      <a:r>
                        <a:rPr lang="en-US" sz="1600" dirty="0" smtClean="0">
                          <a:solidFill>
                            <a:schemeClr val="tx1"/>
                          </a:solidFill>
                        </a:rPr>
                        <a:t>Flow</a:t>
                      </a:r>
                      <a:r>
                        <a:rPr lang="en-US" sz="1600" baseline="0" dirty="0" smtClean="0">
                          <a:solidFill>
                            <a:schemeClr val="tx1"/>
                          </a:solidFill>
                        </a:rPr>
                        <a:t> &amp; Pull </a:t>
                      </a:r>
                      <a:r>
                        <a:rPr lang="en-US" sz="1600" dirty="0" smtClean="0">
                          <a:solidFill>
                            <a:srgbClr val="00B050"/>
                          </a:solidFill>
                        </a:rPr>
                        <a:t>√</a:t>
                      </a:r>
                      <a:endParaRPr lang="en-US" sz="1600" dirty="0" smtClean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454471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Electieve ECV op dalmoment elektrofysiologie</a:t>
                      </a:r>
                      <a:r>
                        <a:rPr lang="en-US" sz="1600" baseline="0" dirty="0" smtClean="0"/>
                        <a:t> (extra)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3 maanden</a:t>
                      </a:r>
                      <a:r>
                        <a:rPr lang="en-US" sz="1600" baseline="0" dirty="0" smtClean="0"/>
                        <a:t> 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A3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 smtClean="0"/>
                        <a:t>Koen/Steffanie/</a:t>
                      </a:r>
                    </a:p>
                    <a:p>
                      <a:r>
                        <a:rPr lang="en-US" sz="1600" dirty="0" smtClean="0"/>
                        <a:t>Anesthesie</a:t>
                      </a:r>
                    </a:p>
                    <a:p>
                      <a:r>
                        <a:rPr lang="en-US" sz="1600" dirty="0" smtClean="0"/>
                        <a:t>Loopt </a:t>
                      </a:r>
                      <a:endParaRPr lang="en-US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5448838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1832236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Spaghetti diagram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dirty="0"/>
          </a:p>
          <a:p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Testen, leren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9" name="Picture 2" descr="a08d084c-5347-42d8-a384-15d4006062df@eurprd04"/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634664" y="1265667"/>
            <a:ext cx="6922672" cy="51521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050" name="Picture 2" descr="d8360035-7e25-4589-90d5-a0d34e4bfda1@eurprd04"/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634664" y="1265667"/>
            <a:ext cx="6964681" cy="51925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37729638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205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sz="2000" b="1" u="sng" dirty="0"/>
              <a:t>Oude situatie </a:t>
            </a:r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sz="2000" b="1" u="sng" dirty="0"/>
              <a:t>Nieuwe situatie </a:t>
            </a:r>
          </a:p>
          <a:p>
            <a:endParaRPr lang="en-US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Testen, Leren 	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8</a:t>
            </a:fld>
            <a:endParaRPr lang="en-GB" dirty="0"/>
          </a:p>
        </p:txBody>
      </p:sp>
      <p:graphicFrame>
        <p:nvGraphicFramePr>
          <p:cNvPr id="8" name="Diagram 7"/>
          <p:cNvGraphicFramePr/>
          <p:nvPr>
            <p:extLst/>
          </p:nvPr>
        </p:nvGraphicFramePr>
        <p:xfrm flipH="1">
          <a:off x="10841036" y="5857876"/>
          <a:ext cx="45719" cy="244541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11" name="Afgeronde rechthoek 10"/>
          <p:cNvSpPr/>
          <p:nvPr/>
        </p:nvSpPr>
        <p:spPr>
          <a:xfrm>
            <a:off x="182881" y="2246384"/>
            <a:ext cx="2098307" cy="1164657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 smtClean="0">
                <a:solidFill>
                  <a:srgbClr val="00B050"/>
                </a:solidFill>
              </a:rPr>
              <a:t>Aanmelding</a:t>
            </a:r>
          </a:p>
          <a:p>
            <a:pPr algn="ctr"/>
            <a:r>
              <a:rPr lang="en-US" dirty="0" smtClean="0">
                <a:solidFill>
                  <a:srgbClr val="00B050"/>
                </a:solidFill>
              </a:rPr>
              <a:t>156 sec</a:t>
            </a:r>
            <a:endParaRPr lang="en-US" dirty="0">
              <a:solidFill>
                <a:srgbClr val="00B050"/>
              </a:solidFill>
            </a:endParaRPr>
          </a:p>
        </p:txBody>
      </p:sp>
      <p:sp>
        <p:nvSpPr>
          <p:cNvPr id="12" name="Afgeronde rechthoek 11"/>
          <p:cNvSpPr/>
          <p:nvPr/>
        </p:nvSpPr>
        <p:spPr>
          <a:xfrm>
            <a:off x="2564448" y="2246382"/>
            <a:ext cx="2098307" cy="1164657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 smtClean="0">
                <a:solidFill>
                  <a:srgbClr val="FF0000"/>
                </a:solidFill>
              </a:rPr>
              <a:t>Wachten</a:t>
            </a:r>
          </a:p>
          <a:p>
            <a:pPr algn="ctr"/>
            <a:r>
              <a:rPr lang="en-US" dirty="0" smtClean="0">
                <a:solidFill>
                  <a:srgbClr val="FF0000"/>
                </a:solidFill>
              </a:rPr>
              <a:t>Totaal 8460 sec</a:t>
            </a:r>
            <a:endParaRPr lang="en-US" dirty="0">
              <a:solidFill>
                <a:srgbClr val="FF0000"/>
              </a:solidFill>
            </a:endParaRPr>
          </a:p>
        </p:txBody>
      </p:sp>
      <p:sp>
        <p:nvSpPr>
          <p:cNvPr id="14" name="Afgeronde rechthoek 13"/>
          <p:cNvSpPr/>
          <p:nvPr/>
        </p:nvSpPr>
        <p:spPr>
          <a:xfrm>
            <a:off x="4946016" y="2246383"/>
            <a:ext cx="2098307" cy="1164657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 smtClean="0">
                <a:solidFill>
                  <a:srgbClr val="00B050"/>
                </a:solidFill>
              </a:rPr>
              <a:t>Vpk opname</a:t>
            </a:r>
          </a:p>
          <a:p>
            <a:pPr algn="ctr"/>
            <a:r>
              <a:rPr lang="en-US" dirty="0" smtClean="0">
                <a:solidFill>
                  <a:srgbClr val="00B050"/>
                </a:solidFill>
              </a:rPr>
              <a:t>1260 sec</a:t>
            </a:r>
            <a:endParaRPr lang="en-US" dirty="0">
              <a:solidFill>
                <a:srgbClr val="00B050"/>
              </a:solidFill>
            </a:endParaRPr>
          </a:p>
        </p:txBody>
      </p:sp>
      <p:sp>
        <p:nvSpPr>
          <p:cNvPr id="15" name="Afgeronde rechthoek 14"/>
          <p:cNvSpPr/>
          <p:nvPr/>
        </p:nvSpPr>
        <p:spPr>
          <a:xfrm>
            <a:off x="7327583" y="2246382"/>
            <a:ext cx="2098307" cy="1164657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rgbClr val="FF0000"/>
                </a:solidFill>
              </a:rPr>
              <a:t>Wachten</a:t>
            </a:r>
          </a:p>
          <a:p>
            <a:pPr algn="ctr"/>
            <a:r>
              <a:rPr lang="en-US" dirty="0">
                <a:solidFill>
                  <a:srgbClr val="FF0000"/>
                </a:solidFill>
              </a:rPr>
              <a:t>Totaal 8460</a:t>
            </a:r>
          </a:p>
        </p:txBody>
      </p:sp>
      <p:sp>
        <p:nvSpPr>
          <p:cNvPr id="16" name="Afgeronde rechthoek 15"/>
          <p:cNvSpPr/>
          <p:nvPr/>
        </p:nvSpPr>
        <p:spPr>
          <a:xfrm>
            <a:off x="9709150" y="2246382"/>
            <a:ext cx="2098307" cy="1164657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 smtClean="0">
                <a:solidFill>
                  <a:srgbClr val="00B050"/>
                </a:solidFill>
              </a:rPr>
              <a:t>ECV</a:t>
            </a:r>
          </a:p>
          <a:p>
            <a:pPr algn="ctr"/>
            <a:r>
              <a:rPr lang="en-US" dirty="0" smtClean="0">
                <a:solidFill>
                  <a:srgbClr val="00B050"/>
                </a:solidFill>
              </a:rPr>
              <a:t>900 sec</a:t>
            </a:r>
            <a:endParaRPr lang="en-US" dirty="0">
              <a:solidFill>
                <a:srgbClr val="00B050"/>
              </a:solidFill>
            </a:endParaRPr>
          </a:p>
        </p:txBody>
      </p:sp>
      <p:sp>
        <p:nvSpPr>
          <p:cNvPr id="17" name="Pijl-rechts 16"/>
          <p:cNvSpPr/>
          <p:nvPr/>
        </p:nvSpPr>
        <p:spPr>
          <a:xfrm>
            <a:off x="2098308" y="2607329"/>
            <a:ext cx="666090" cy="442762"/>
          </a:xfrm>
          <a:prstGeom prst="rightArrow">
            <a:avLst/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8" name="Pijl-rechts 17"/>
          <p:cNvSpPr/>
          <p:nvPr/>
        </p:nvSpPr>
        <p:spPr>
          <a:xfrm>
            <a:off x="4442736" y="2607329"/>
            <a:ext cx="760990" cy="442762"/>
          </a:xfrm>
          <a:prstGeom prst="rightArrow">
            <a:avLst/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9" name="Pijl-rechts 18"/>
          <p:cNvSpPr/>
          <p:nvPr/>
        </p:nvSpPr>
        <p:spPr>
          <a:xfrm>
            <a:off x="6882063" y="2621857"/>
            <a:ext cx="664728" cy="442762"/>
          </a:xfrm>
          <a:prstGeom prst="rightArrow">
            <a:avLst/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0" name="Pijl-rechts 19"/>
          <p:cNvSpPr/>
          <p:nvPr/>
        </p:nvSpPr>
        <p:spPr>
          <a:xfrm>
            <a:off x="9225129" y="2637133"/>
            <a:ext cx="683970" cy="442762"/>
          </a:xfrm>
          <a:prstGeom prst="rightArrow">
            <a:avLst/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1" name="Afgeronde rechthoek 20"/>
          <p:cNvSpPr/>
          <p:nvPr/>
        </p:nvSpPr>
        <p:spPr>
          <a:xfrm>
            <a:off x="182880" y="4223541"/>
            <a:ext cx="2098307" cy="1164657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 smtClean="0">
                <a:solidFill>
                  <a:srgbClr val="00B050"/>
                </a:solidFill>
              </a:rPr>
              <a:t>Aanmelding</a:t>
            </a:r>
          </a:p>
          <a:p>
            <a:pPr algn="ctr"/>
            <a:r>
              <a:rPr lang="en-US" dirty="0" smtClean="0">
                <a:solidFill>
                  <a:srgbClr val="00B050"/>
                </a:solidFill>
              </a:rPr>
              <a:t>156 sec</a:t>
            </a:r>
            <a:endParaRPr lang="en-US" dirty="0">
              <a:solidFill>
                <a:srgbClr val="00B050"/>
              </a:solidFill>
            </a:endParaRPr>
          </a:p>
        </p:txBody>
      </p:sp>
      <p:sp>
        <p:nvSpPr>
          <p:cNvPr id="22" name="Afgeronde rechthoek 21"/>
          <p:cNvSpPr/>
          <p:nvPr/>
        </p:nvSpPr>
        <p:spPr>
          <a:xfrm>
            <a:off x="4946016" y="4217700"/>
            <a:ext cx="2098307" cy="1164657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 smtClean="0">
                <a:solidFill>
                  <a:srgbClr val="FF0000"/>
                </a:solidFill>
              </a:rPr>
              <a:t>Wachten</a:t>
            </a:r>
          </a:p>
          <a:p>
            <a:pPr algn="ctr"/>
            <a:r>
              <a:rPr lang="en-US" dirty="0" smtClean="0">
                <a:solidFill>
                  <a:srgbClr val="FF0000"/>
                </a:solidFill>
              </a:rPr>
              <a:t>417 sec </a:t>
            </a:r>
          </a:p>
        </p:txBody>
      </p:sp>
      <p:sp>
        <p:nvSpPr>
          <p:cNvPr id="23" name="Afgeronde rechthoek 22"/>
          <p:cNvSpPr/>
          <p:nvPr/>
        </p:nvSpPr>
        <p:spPr>
          <a:xfrm>
            <a:off x="9709150" y="4217701"/>
            <a:ext cx="2098307" cy="1164657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 smtClean="0">
                <a:solidFill>
                  <a:srgbClr val="00B050"/>
                </a:solidFill>
              </a:rPr>
              <a:t>ECV</a:t>
            </a:r>
          </a:p>
          <a:p>
            <a:pPr algn="ctr"/>
            <a:r>
              <a:rPr lang="en-US" dirty="0" smtClean="0">
                <a:solidFill>
                  <a:srgbClr val="00B050"/>
                </a:solidFill>
              </a:rPr>
              <a:t>1089 sec*</a:t>
            </a:r>
          </a:p>
        </p:txBody>
      </p:sp>
      <p:sp>
        <p:nvSpPr>
          <p:cNvPr id="24" name="Pijl-rechts 23"/>
          <p:cNvSpPr/>
          <p:nvPr/>
        </p:nvSpPr>
        <p:spPr>
          <a:xfrm>
            <a:off x="3316824" y="4578647"/>
            <a:ext cx="666090" cy="442762"/>
          </a:xfrm>
          <a:prstGeom prst="rightArrow">
            <a:avLst/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7" name="Pijl-rechts 26"/>
          <p:cNvSpPr/>
          <p:nvPr/>
        </p:nvSpPr>
        <p:spPr>
          <a:xfrm>
            <a:off x="8076640" y="4563186"/>
            <a:ext cx="666090" cy="442762"/>
          </a:xfrm>
          <a:prstGeom prst="rightArrow">
            <a:avLst/>
          </a:prstGeom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9" name="Tekstvak 8"/>
          <p:cNvSpPr txBox="1"/>
          <p:nvPr/>
        </p:nvSpPr>
        <p:spPr>
          <a:xfrm>
            <a:off x="631825" y="5857876"/>
            <a:ext cx="10553658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i="0" dirty="0" smtClean="0">
                <a:ea typeface="Arial" charset="0"/>
                <a:cs typeface="Arial" charset="0"/>
              </a:rPr>
              <a:t>* Gemiddelde proceduretijd met 189 seconde toegenomen omdat het infuus met labafname nu tijdens de ECV gebeurd en niet vooraf bij de verpleegkundige opname</a:t>
            </a:r>
            <a:endParaRPr lang="en-US" sz="1200" i="0" dirty="0" smtClean="0">
              <a:ea typeface="Arial" charset="0"/>
              <a:cs typeface="Arial" charset="0"/>
            </a:endParaRPr>
          </a:p>
        </p:txBody>
      </p:sp>
      <p:sp>
        <p:nvSpPr>
          <p:cNvPr id="25" name="Explosie 1 24"/>
          <p:cNvSpPr/>
          <p:nvPr/>
        </p:nvSpPr>
        <p:spPr>
          <a:xfrm>
            <a:off x="3118585" y="1732547"/>
            <a:ext cx="5948413" cy="4369870"/>
          </a:xfrm>
          <a:prstGeom prst="irregularSeal1">
            <a:avLst/>
          </a:prstGeom>
          <a:solidFill>
            <a:srgbClr val="FFFF00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000" b="1" dirty="0">
                <a:solidFill>
                  <a:schemeClr val="tx2"/>
                </a:solidFill>
              </a:rPr>
              <a:t>Mean Wachttijd &lt;7min</a:t>
            </a:r>
          </a:p>
        </p:txBody>
      </p:sp>
    </p:spTree>
    <p:extLst>
      <p:ext uri="{BB962C8B-B14F-4D97-AF65-F5344CB8AC3E}">
        <p14:creationId xmlns:p14="http://schemas.microsoft.com/office/powerpoint/2010/main" val="384584754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6" presetClass="entr" presetSubtype="16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ircle(in)">
                                      <p:cBhvr>
                                        <p:cTn id="7" dur="20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5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FA38FB-D36F-4D0B-9C7E-44B660675B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037" y="83857"/>
            <a:ext cx="7595044" cy="243019"/>
          </a:xfrm>
        </p:spPr>
        <p:txBody>
          <a:bodyPr>
            <a:normAutofit fontScale="90000"/>
          </a:bodyPr>
          <a:lstStyle/>
          <a:p>
            <a:r>
              <a:rPr lang="en-US" sz="1286" dirty="0">
                <a:latin typeface="Arial Black"/>
              </a:rPr>
              <a:t>A3 - ECV, klaar terwijl u wacht! </a:t>
            </a:r>
            <a:br>
              <a:rPr lang="en-US" sz="1286" dirty="0">
                <a:latin typeface="Arial Black"/>
              </a:rPr>
            </a:br>
            <a:r>
              <a:rPr lang="en-US" sz="1286" dirty="0">
                <a:latin typeface="Arial Black"/>
              </a:rPr>
              <a:t>Reduceren van wachttijden voor een electief geplande </a:t>
            </a:r>
            <a:r>
              <a:rPr lang="en-US" sz="1286" dirty="0" smtClean="0">
                <a:latin typeface="Arial Black"/>
              </a:rPr>
              <a:t>electrocardioversie (ECV). </a:t>
            </a:r>
            <a:endParaRPr lang="en-US" sz="1429" dirty="0">
              <a:latin typeface="Arial Black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F5B2978-32C8-454B-AE4C-2F89497F6EB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3619" y="509579"/>
            <a:ext cx="6148581" cy="839476"/>
          </a:xfrm>
          <a:ln>
            <a:solidFill>
              <a:schemeClr val="accent2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wrap="square" lIns="91426" tIns="45713" rIns="91426" bIns="45713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indent="0">
              <a:buNone/>
            </a:pPr>
            <a:r>
              <a:rPr lang="nl-NL" sz="857" b="1" dirty="0" smtClean="0">
                <a:cs typeface="Arial"/>
              </a:rPr>
              <a:t>Achtergrond</a:t>
            </a:r>
            <a:r>
              <a:rPr lang="nl-NL" sz="857" b="1" dirty="0">
                <a:cs typeface="Arial"/>
              </a:rPr>
              <a:t/>
            </a:r>
            <a:br>
              <a:rPr lang="nl-NL" sz="857" b="1" dirty="0">
                <a:cs typeface="Arial"/>
              </a:rPr>
            </a:br>
            <a:r>
              <a:rPr lang="nl-NL" sz="857" dirty="0">
                <a:cs typeface="Arial"/>
              </a:rPr>
              <a:t>Een </a:t>
            </a:r>
            <a:r>
              <a:rPr lang="nl-NL" sz="857" dirty="0" smtClean="0">
                <a:cs typeface="Arial"/>
              </a:rPr>
              <a:t>elektrocardioversie </a:t>
            </a:r>
            <a:r>
              <a:rPr lang="nl-NL" sz="857" dirty="0">
                <a:cs typeface="Arial"/>
              </a:rPr>
              <a:t>is een behandeling voor </a:t>
            </a:r>
            <a:r>
              <a:rPr lang="nl-NL" sz="857" dirty="0" smtClean="0">
                <a:cs typeface="Arial"/>
              </a:rPr>
              <a:t>een (</a:t>
            </a:r>
            <a:r>
              <a:rPr lang="nl-NL" sz="857" dirty="0">
                <a:cs typeface="Arial"/>
              </a:rPr>
              <a:t>supra) ventriculaire </a:t>
            </a:r>
            <a:r>
              <a:rPr lang="nl-NL" sz="857" dirty="0" smtClean="0">
                <a:cs typeface="Arial"/>
              </a:rPr>
              <a:t>hartritmestoonis</a:t>
            </a:r>
            <a:r>
              <a:rPr lang="nl-NL" sz="857" dirty="0">
                <a:cs typeface="Arial"/>
              </a:rPr>
              <a:t>. </a:t>
            </a:r>
            <a:br>
              <a:rPr lang="nl-NL" sz="857" dirty="0">
                <a:cs typeface="Arial"/>
              </a:rPr>
            </a:br>
            <a:r>
              <a:rPr lang="nl-NL" sz="857" dirty="0" smtClean="0">
                <a:cs typeface="Arial"/>
              </a:rPr>
              <a:t>Patiënten </a:t>
            </a:r>
            <a:r>
              <a:rPr lang="nl-NL" sz="857" dirty="0">
                <a:cs typeface="Arial"/>
              </a:rPr>
              <a:t>geven in </a:t>
            </a:r>
            <a:r>
              <a:rPr lang="nl-NL" sz="857" dirty="0" smtClean="0">
                <a:cs typeface="Arial"/>
              </a:rPr>
              <a:t>de </a:t>
            </a:r>
            <a:r>
              <a:rPr lang="nl-NL" sz="857" dirty="0">
                <a:cs typeface="Arial"/>
              </a:rPr>
              <a:t>patiëntenervaringsmeter (PEM) aan dat zij de wachttijd </a:t>
            </a:r>
            <a:r>
              <a:rPr lang="nl-NL" sz="857" dirty="0" smtClean="0">
                <a:cs typeface="Arial"/>
              </a:rPr>
              <a:t>bij </a:t>
            </a:r>
            <a:r>
              <a:rPr lang="nl-NL" sz="857" dirty="0">
                <a:cs typeface="Arial"/>
              </a:rPr>
              <a:t>opname </a:t>
            </a:r>
            <a:r>
              <a:rPr lang="nl-NL" sz="857" dirty="0" smtClean="0">
                <a:cs typeface="Arial"/>
              </a:rPr>
              <a:t/>
            </a:r>
            <a:br>
              <a:rPr lang="nl-NL" sz="857" dirty="0" smtClean="0">
                <a:cs typeface="Arial"/>
              </a:rPr>
            </a:br>
            <a:r>
              <a:rPr lang="nl-NL" sz="857" dirty="0" smtClean="0">
                <a:cs typeface="Arial"/>
              </a:rPr>
              <a:t>tot </a:t>
            </a:r>
            <a:r>
              <a:rPr lang="nl-NL" sz="857" dirty="0">
                <a:cs typeface="Arial"/>
              </a:rPr>
              <a:t>aan procedure te lang vinden. </a:t>
            </a:r>
            <a:r>
              <a:rPr lang="nl-NL" sz="857" dirty="0" smtClean="0">
                <a:cs typeface="Arial"/>
              </a:rPr>
              <a:t>Tegelijk ervaren </a:t>
            </a:r>
            <a:r>
              <a:rPr lang="nl-NL" sz="857" dirty="0">
                <a:cs typeface="Arial"/>
              </a:rPr>
              <a:t>behandelaren </a:t>
            </a:r>
            <a:r>
              <a:rPr lang="nl-NL" sz="857" dirty="0" smtClean="0">
                <a:cs typeface="Arial"/>
              </a:rPr>
              <a:t>dat </a:t>
            </a:r>
            <a:r>
              <a:rPr lang="nl-NL" sz="857" dirty="0">
                <a:cs typeface="Arial"/>
              </a:rPr>
              <a:t>het ECV programma </a:t>
            </a:r>
            <a:r>
              <a:rPr lang="nl-NL" sz="857" dirty="0" smtClean="0">
                <a:cs typeface="Arial"/>
              </a:rPr>
              <a:t/>
            </a:r>
            <a:br>
              <a:rPr lang="nl-NL" sz="857" dirty="0" smtClean="0">
                <a:cs typeface="Arial"/>
              </a:rPr>
            </a:br>
            <a:r>
              <a:rPr lang="nl-NL" sz="857" dirty="0" smtClean="0">
                <a:cs typeface="Arial"/>
              </a:rPr>
              <a:t>onvoldoende </a:t>
            </a:r>
            <a:r>
              <a:rPr lang="nl-NL" sz="857" dirty="0">
                <a:cs typeface="Arial"/>
              </a:rPr>
              <a:t>kan </a:t>
            </a:r>
            <a:r>
              <a:rPr lang="nl-NL" sz="857" dirty="0" smtClean="0">
                <a:cs typeface="Arial"/>
              </a:rPr>
              <a:t>inspelen op </a:t>
            </a:r>
            <a:r>
              <a:rPr lang="nl-NL" sz="857" dirty="0">
                <a:cs typeface="Arial"/>
              </a:rPr>
              <a:t>de vraag en aanbod</a:t>
            </a:r>
            <a:r>
              <a:rPr lang="nl-NL" sz="857" dirty="0" smtClean="0">
                <a:cs typeface="Arial"/>
              </a:rPr>
              <a:t>. Het ECV </a:t>
            </a:r>
            <a:r>
              <a:rPr lang="nl-NL" sz="857" dirty="0">
                <a:cs typeface="Arial"/>
              </a:rPr>
              <a:t>programma heeft grote impact </a:t>
            </a:r>
            <a:r>
              <a:rPr lang="nl-NL" sz="857" dirty="0" smtClean="0">
                <a:cs typeface="Arial"/>
              </a:rPr>
              <a:t/>
            </a:r>
            <a:br>
              <a:rPr lang="nl-NL" sz="857" dirty="0" smtClean="0">
                <a:cs typeface="Arial"/>
              </a:rPr>
            </a:br>
            <a:r>
              <a:rPr lang="nl-NL" sz="857" dirty="0" smtClean="0">
                <a:cs typeface="Arial"/>
              </a:rPr>
              <a:t>op </a:t>
            </a:r>
            <a:r>
              <a:rPr lang="nl-NL" sz="857" dirty="0">
                <a:cs typeface="Arial"/>
              </a:rPr>
              <a:t>de </a:t>
            </a:r>
            <a:r>
              <a:rPr lang="nl-NL" sz="857" dirty="0" smtClean="0">
                <a:cs typeface="Arial"/>
              </a:rPr>
              <a:t>beddencapaciteit </a:t>
            </a:r>
            <a:r>
              <a:rPr lang="nl-NL" sz="857" dirty="0">
                <a:cs typeface="Arial"/>
              </a:rPr>
              <a:t>van de afdeling </a:t>
            </a:r>
            <a:r>
              <a:rPr lang="nl-NL" sz="857" dirty="0" smtClean="0">
                <a:cs typeface="Arial"/>
              </a:rPr>
              <a:t>kortdurend </a:t>
            </a:r>
            <a:r>
              <a:rPr lang="nl-NL" sz="857" dirty="0">
                <a:cs typeface="Arial"/>
              </a:rPr>
              <a:t>verblijf cardiologie.    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EF8D8310-35E4-4758-8CB6-5DB720F620C1}"/>
              </a:ext>
            </a:extLst>
          </p:cNvPr>
          <p:cNvSpPr txBox="1">
            <a:spLocks/>
          </p:cNvSpPr>
          <p:nvPr/>
        </p:nvSpPr>
        <p:spPr>
          <a:xfrm>
            <a:off x="23619" y="1386219"/>
            <a:ext cx="6145013" cy="3224728"/>
          </a:xfrm>
          <a:prstGeom prst="rect">
            <a:avLst/>
          </a:prstGeom>
          <a:ln>
            <a:solidFill>
              <a:srgbClr val="53B29C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NL" sz="857" b="1" dirty="0"/>
              <a:t>Huidige situatie</a:t>
            </a:r>
            <a:br>
              <a:rPr lang="nl-NL" sz="857" b="1" dirty="0"/>
            </a:br>
            <a:r>
              <a:rPr lang="nl-NL" sz="857" dirty="0"/>
              <a:t>- In het Erasmus MC is een wekelijks electief ECV programma voor 4 tot 6 patiënten op de </a:t>
            </a:r>
            <a:br>
              <a:rPr lang="nl-NL" sz="857" dirty="0"/>
            </a:br>
            <a:r>
              <a:rPr lang="nl-NL" sz="857" dirty="0" smtClean="0"/>
              <a:t>  dagbehandeling </a:t>
            </a:r>
            <a:r>
              <a:rPr lang="nl-NL" sz="857" dirty="0"/>
              <a:t>van de afdeling kortdurend verblijf cardiologie. </a:t>
            </a:r>
            <a:br>
              <a:rPr lang="nl-NL" sz="857" dirty="0"/>
            </a:br>
            <a:r>
              <a:rPr lang="nl-NL" sz="857" dirty="0"/>
              <a:t>- Patiënten worden vanaf 07:00 opgenomen met een interval van 15 minuten </a:t>
            </a:r>
            <a:br>
              <a:rPr lang="nl-NL" sz="857" dirty="0"/>
            </a:br>
            <a:r>
              <a:rPr lang="nl-NL" sz="857" dirty="0"/>
              <a:t>(per operatiekamer, totaal 5 kamers, minimaal 12 opnames per dag). </a:t>
            </a:r>
            <a:br>
              <a:rPr lang="nl-NL" sz="857" dirty="0"/>
            </a:br>
            <a:r>
              <a:rPr lang="nl-NL" sz="857" dirty="0"/>
              <a:t>- Opname wordt uitgevoerd door de kliniek assistent. </a:t>
            </a:r>
            <a:br>
              <a:rPr lang="nl-NL" sz="857" dirty="0"/>
            </a:br>
            <a:r>
              <a:rPr lang="nl-NL" sz="857" dirty="0"/>
              <a:t>- Analyse van de benodigde lab-uitslagen voor ECV duren minimaal 60 minuten. </a:t>
            </a:r>
            <a:br>
              <a:rPr lang="nl-NL" sz="857" dirty="0"/>
            </a:br>
            <a:r>
              <a:rPr lang="nl-NL" sz="857" dirty="0"/>
              <a:t>- Het opnameproces en de ECV geeft veel overbewerking.</a:t>
            </a:r>
            <a:br>
              <a:rPr lang="nl-NL" sz="857" dirty="0"/>
            </a:br>
            <a:r>
              <a:rPr lang="nl-NL" sz="857" dirty="0"/>
              <a:t>- Indien niet EKG dan wordt dit pas tijdens ECV opgemerkt </a:t>
            </a:r>
            <a:br>
              <a:rPr lang="nl-NL" sz="857" dirty="0"/>
            </a:br>
            <a:r>
              <a:rPr lang="nl-NL" sz="857" dirty="0"/>
              <a:t/>
            </a:r>
            <a:br>
              <a:rPr lang="nl-NL" sz="857" dirty="0"/>
            </a:br>
            <a:r>
              <a:rPr lang="nl-NL" sz="857" dirty="0"/>
              <a:t/>
            </a:r>
            <a:br>
              <a:rPr lang="nl-NL" sz="857" dirty="0"/>
            </a:br>
            <a:r>
              <a:rPr lang="nl-NL" sz="857" dirty="0"/>
              <a:t> </a:t>
            </a:r>
          </a:p>
          <a:p>
            <a:endParaRPr lang="nl-NL" sz="786" dirty="0"/>
          </a:p>
          <a:p>
            <a:endParaRPr lang="nl-NL" sz="100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E8717847-779A-4A67-9CAE-254490418B52}"/>
              </a:ext>
            </a:extLst>
          </p:cNvPr>
          <p:cNvSpPr txBox="1">
            <a:spLocks/>
          </p:cNvSpPr>
          <p:nvPr/>
        </p:nvSpPr>
        <p:spPr>
          <a:xfrm>
            <a:off x="23619" y="4655815"/>
            <a:ext cx="6148581" cy="643001"/>
          </a:xfrm>
          <a:prstGeom prst="rect">
            <a:avLst/>
          </a:prstGeom>
          <a:ln>
            <a:solidFill>
              <a:schemeClr val="accent5">
                <a:lumMod val="50000"/>
              </a:schemeClr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857" b="1" dirty="0">
                <a:cs typeface="Arial"/>
              </a:rPr>
              <a:t>Doelstelling</a:t>
            </a:r>
            <a:br>
              <a:rPr lang="en-US" sz="857" b="1" dirty="0">
                <a:cs typeface="Arial"/>
              </a:rPr>
            </a:br>
            <a:r>
              <a:rPr lang="nl-NL" sz="857" dirty="0">
                <a:cs typeface="Arial"/>
              </a:rPr>
              <a:t>Binnen 3 maanden na invoering van de tegenmaatregelen is de doorlooptijd van een ECV-opname in het Erasmus MC verbeterd. Er heeft een 50% reductie plaatsgevonden in de wachttijd voor patiënten die opgenomen worden voor een </a:t>
            </a:r>
            <a:r>
              <a:rPr lang="nl-NL" sz="857" dirty="0" smtClean="0">
                <a:cs typeface="Arial"/>
              </a:rPr>
              <a:t> electieve </a:t>
            </a:r>
            <a:r>
              <a:rPr lang="nl-NL" sz="857" dirty="0">
                <a:cs typeface="Arial"/>
              </a:rPr>
              <a:t>ECV in het Erasmus </a:t>
            </a:r>
            <a:r>
              <a:rPr lang="nl-NL" sz="857" dirty="0" smtClean="0">
                <a:cs typeface="Arial"/>
              </a:rPr>
              <a:t>MC. Er </a:t>
            </a:r>
            <a:r>
              <a:rPr lang="nl-NL" sz="857" dirty="0">
                <a:cs typeface="Arial"/>
              </a:rPr>
              <a:t>wordt gestreefd naar continue procesoptimalisatie omflow in </a:t>
            </a:r>
            <a:r>
              <a:rPr lang="nl-NL" sz="857" dirty="0" smtClean="0">
                <a:cs typeface="Arial"/>
              </a:rPr>
              <a:t>het programma </a:t>
            </a:r>
            <a:r>
              <a:rPr lang="nl-NL" sz="857" dirty="0">
                <a:cs typeface="Arial"/>
              </a:rPr>
              <a:t>te optimaliseren en productie te verhogen met gelijke middelen om in te kunnen spelen op de productievraag .</a:t>
            </a:r>
            <a:endParaRPr lang="en-US" sz="857" dirty="0"/>
          </a:p>
          <a:p>
            <a:pPr>
              <a:spcAft>
                <a:spcPts val="0"/>
              </a:spcAft>
            </a:pPr>
            <a:endParaRPr lang="en-US" sz="857" dirty="0">
              <a:cs typeface="Arial"/>
            </a:endParaRP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2A87F75E-4505-4259-B3E4-3F8F1AE78636}"/>
              </a:ext>
            </a:extLst>
          </p:cNvPr>
          <p:cNvSpPr txBox="1">
            <a:spLocks/>
          </p:cNvSpPr>
          <p:nvPr/>
        </p:nvSpPr>
        <p:spPr>
          <a:xfrm>
            <a:off x="23619" y="5326748"/>
            <a:ext cx="6148581" cy="1462682"/>
          </a:xfrm>
          <a:prstGeom prst="rect">
            <a:avLst/>
          </a:prstGeom>
          <a:ln>
            <a:solidFill>
              <a:schemeClr val="accent1">
                <a:lumMod val="60000"/>
                <a:lumOff val="40000"/>
              </a:schemeClr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893" b="1" dirty="0">
                <a:cs typeface="Arial"/>
              </a:rPr>
              <a:t>Analyse:</a:t>
            </a:r>
            <a:endParaRPr lang="nl-NL" sz="893" dirty="0">
              <a:cs typeface="Arial"/>
            </a:endParaRP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1.Wachttijd lab</a:t>
            </a: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2. Veel opnames zelfde tijd</a:t>
            </a: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3. Veel dubbele werkzaamheden</a:t>
            </a: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4. Geen standaard werkwijze </a:t>
            </a:r>
          </a:p>
          <a:p>
            <a:pPr marL="163289" indent="-163289" fontAlgn="auto">
              <a:spcAft>
                <a:spcPts val="0"/>
              </a:spcAft>
              <a:buAutoNum type="arabicPeriod"/>
            </a:pPr>
            <a:endParaRPr lang="en-US" sz="786" dirty="0">
              <a:cs typeface="Arial"/>
            </a:endParaRP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B007FB6E-61A1-4842-BADC-EABD9C02350C}"/>
              </a:ext>
            </a:extLst>
          </p:cNvPr>
          <p:cNvSpPr txBox="1">
            <a:spLocks/>
          </p:cNvSpPr>
          <p:nvPr/>
        </p:nvSpPr>
        <p:spPr>
          <a:xfrm>
            <a:off x="6251712" y="533014"/>
            <a:ext cx="5909333" cy="2023378"/>
          </a:xfrm>
          <a:prstGeom prst="rect">
            <a:avLst/>
          </a:prstGeom>
          <a:ln>
            <a:solidFill>
              <a:schemeClr val="accent1">
                <a:lumMod val="40000"/>
                <a:lumOff val="60000"/>
              </a:schemeClr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 fontScale="92500" lnSpcReduction="20000"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t"/>
            <a:r>
              <a:rPr lang="en-US" sz="900" b="1" dirty="0">
                <a:cs typeface="Arial"/>
              </a:rPr>
              <a:t>Tegenmaatregelen</a:t>
            </a:r>
            <a:r>
              <a:rPr lang="en-US" sz="900" b="1" dirty="0" smtClean="0">
                <a:cs typeface="Arial"/>
              </a:rPr>
              <a:t>:</a:t>
            </a:r>
          </a:p>
          <a:p>
            <a:pPr fontAlgn="t"/>
            <a:r>
              <a:rPr lang="en-US" sz="900" b="1" dirty="0" smtClean="0">
                <a:cs typeface="Arial"/>
              </a:rPr>
              <a:t/>
            </a:r>
            <a:br>
              <a:rPr lang="en-US" sz="900" b="1" dirty="0" smtClean="0">
                <a:cs typeface="Arial"/>
              </a:rPr>
            </a:br>
            <a:r>
              <a:rPr lang="en-US" sz="900" dirty="0" smtClean="0">
                <a:cs typeface="Arial"/>
              </a:rPr>
              <a:t>1</a:t>
            </a:r>
            <a:r>
              <a:rPr lang="en-US" sz="900" b="1" dirty="0">
                <a:cs typeface="Arial"/>
              </a:rPr>
              <a:t>. </a:t>
            </a:r>
            <a:r>
              <a:rPr lang="en-US" sz="900" dirty="0"/>
              <a:t>Invoeren </a:t>
            </a:r>
            <a:r>
              <a:rPr lang="en-US" sz="900" dirty="0" smtClean="0"/>
              <a:t>sneltest</a:t>
            </a:r>
            <a:br>
              <a:rPr lang="en-US" sz="900" dirty="0" smtClean="0"/>
            </a:br>
            <a:r>
              <a:rPr lang="en-US" sz="900" dirty="0"/>
              <a:t/>
            </a:r>
            <a:br>
              <a:rPr lang="en-US" sz="900" dirty="0"/>
            </a:br>
            <a:r>
              <a:rPr lang="en-US" sz="900" dirty="0" smtClean="0"/>
              <a:t>2. ECV programma naar de middag</a:t>
            </a:r>
            <a:r>
              <a:rPr lang="en-US" sz="900" dirty="0"/>
              <a:t/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3. </a:t>
            </a:r>
            <a:r>
              <a:rPr lang="en-US" sz="900" dirty="0"/>
              <a:t>Invoeren voor en nabespreking</a:t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4. Opnamesspreigin </a:t>
            </a:r>
            <a:br>
              <a:rPr lang="en-US" sz="900" dirty="0" smtClean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5. 2 kamersysteem</a:t>
            </a:r>
            <a:r>
              <a:rPr lang="en-US" sz="900" dirty="0"/>
              <a:t/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7. </a:t>
            </a:r>
            <a:r>
              <a:rPr lang="en-US" sz="900" dirty="0"/>
              <a:t>Opname en ECV combineren</a:t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8. </a:t>
            </a:r>
            <a:r>
              <a:rPr lang="en-US" sz="900" dirty="0"/>
              <a:t>Extra patient inplannen </a:t>
            </a:r>
            <a:r>
              <a:rPr lang="en-US" sz="900" dirty="0" smtClean="0"/>
              <a:t>FIFO (</a:t>
            </a:r>
            <a:r>
              <a:rPr lang="en-US" sz="900" dirty="0"/>
              <a:t>met geplande wachttijd)</a:t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9. </a:t>
            </a:r>
            <a:r>
              <a:rPr lang="en-US" sz="900" dirty="0"/>
              <a:t>Electieve ECV op dalmomenten </a:t>
            </a:r>
            <a:endParaRPr lang="en-US" sz="900" dirty="0" smtClean="0"/>
          </a:p>
          <a:p>
            <a:pPr fontAlgn="t"/>
            <a:r>
              <a:rPr lang="en-US" sz="900" dirty="0" smtClean="0">
                <a:cs typeface="Arial"/>
              </a:rPr>
              <a:t>10 extra sedatie inzet </a:t>
            </a:r>
            <a:endParaRPr lang="en-US" sz="900" dirty="0">
              <a:cs typeface="Arial"/>
            </a:endParaRPr>
          </a:p>
          <a:p>
            <a:pPr marL="163289" indent="-163289" fontAlgn="auto">
              <a:spcAft>
                <a:spcPts val="0"/>
              </a:spcAft>
              <a:buAutoNum type="arabicPeriod"/>
            </a:pPr>
            <a:endParaRPr lang="nl-NL" sz="750" b="1" dirty="0">
              <a:cs typeface="Arial"/>
            </a:endParaRPr>
          </a:p>
          <a:p>
            <a:pPr marL="244933" indent="-244933" fontAlgn="auto">
              <a:spcAft>
                <a:spcPts val="0"/>
              </a:spcAft>
              <a:buAutoNum type="arabicPeriod"/>
            </a:pPr>
            <a:endParaRPr lang="en-US" sz="750" dirty="0">
              <a:cs typeface="Arial"/>
            </a:endParaRPr>
          </a:p>
        </p:txBody>
      </p:sp>
      <p:pic>
        <p:nvPicPr>
          <p:cNvPr id="5" name="Afbeelding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66122" y="5361297"/>
            <a:ext cx="2908179" cy="1418526"/>
          </a:xfrm>
          <a:prstGeom prst="rect">
            <a:avLst/>
          </a:prstGeom>
        </p:spPr>
      </p:pic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BCF81E62-F976-4CB7-BF11-5140E8F15030}"/>
              </a:ext>
            </a:extLst>
          </p:cNvPr>
          <p:cNvSpPr txBox="1">
            <a:spLocks/>
          </p:cNvSpPr>
          <p:nvPr/>
        </p:nvSpPr>
        <p:spPr>
          <a:xfrm>
            <a:off x="6251712" y="2602274"/>
            <a:ext cx="5900667" cy="2092827"/>
          </a:xfrm>
          <a:prstGeom prst="rect">
            <a:avLst/>
          </a:prstGeom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auto">
              <a:spcAft>
                <a:spcPts val="0"/>
              </a:spcAft>
            </a:pPr>
            <a:r>
              <a:rPr lang="en-US" sz="900" b="1" dirty="0">
                <a:cs typeface="Arial"/>
              </a:rPr>
              <a:t>Implementatieplan:</a:t>
            </a:r>
            <a:br>
              <a:rPr lang="en-US" sz="900" b="1" dirty="0">
                <a:cs typeface="Arial"/>
              </a:rPr>
            </a:br>
            <a:r>
              <a:rPr lang="en-US" sz="900" b="1" dirty="0">
                <a:cs typeface="Arial"/>
              </a:rPr>
              <a:t/>
            </a:r>
            <a:br>
              <a:rPr lang="en-US" sz="900" b="1" dirty="0">
                <a:cs typeface="Arial"/>
              </a:rPr>
            </a:br>
            <a:r>
              <a:rPr lang="en-US" sz="800" dirty="0">
                <a:cs typeface="Arial"/>
              </a:rPr>
              <a:t>1</a:t>
            </a:r>
            <a:r>
              <a:rPr lang="en-US" sz="800" b="1" dirty="0">
                <a:cs typeface="Arial"/>
              </a:rPr>
              <a:t>. </a:t>
            </a:r>
            <a:r>
              <a:rPr lang="en-US" sz="800" dirty="0"/>
              <a:t>Invoeren </a:t>
            </a:r>
            <a:r>
              <a:rPr lang="en-US" sz="800" dirty="0" smtClean="0"/>
              <a:t>sneltest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3. Invoeren voor en </a:t>
            </a: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 smtClean="0"/>
              <a:t>nabespreking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7. Opname en ECV </a:t>
            </a: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 smtClean="0"/>
              <a:t>combineren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8. Extra patient inplannen FIFO</a:t>
            </a:r>
            <a:br>
              <a:rPr lang="en-US" sz="800" dirty="0"/>
            </a:br>
            <a:r>
              <a:rPr lang="en-US" sz="800" dirty="0"/>
              <a:t>(met geplande wachttijd</a:t>
            </a:r>
            <a:r>
              <a:rPr lang="en-US" sz="800" dirty="0" smtClean="0"/>
              <a:t>)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9. Electieve ECV op </a:t>
            </a: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 smtClean="0"/>
              <a:t>dalmomenten </a:t>
            </a:r>
            <a:endParaRPr lang="en-US" sz="800" b="1" dirty="0">
              <a:cs typeface="Arial"/>
            </a:endParaRPr>
          </a:p>
          <a:p>
            <a:pPr fontAlgn="auto">
              <a:spcAft>
                <a:spcPts val="0"/>
              </a:spcAft>
            </a:pPr>
            <a:endParaRPr lang="en-US" sz="900" b="1" dirty="0">
              <a:cs typeface="Arial"/>
            </a:endParaRPr>
          </a:p>
          <a:p>
            <a:pPr fontAlgn="auto">
              <a:spcAft>
                <a:spcPts val="0"/>
              </a:spcAft>
            </a:pPr>
            <a:endParaRPr lang="en-US" sz="900" dirty="0">
              <a:cs typeface="Arial"/>
            </a:endParaRPr>
          </a:p>
        </p:txBody>
      </p:sp>
      <p:sp>
        <p:nvSpPr>
          <p:cNvPr id="15" name="Content Placeholder 3">
            <a:extLst>
              <a:ext uri="{FF2B5EF4-FFF2-40B4-BE49-F238E27FC236}">
                <a16:creationId xmlns:a16="http://schemas.microsoft.com/office/drawing/2014/main" id="{31FA6401-9482-4F7B-821F-FB01A1C41C15}"/>
              </a:ext>
            </a:extLst>
          </p:cNvPr>
          <p:cNvSpPr txBox="1">
            <a:spLocks/>
          </p:cNvSpPr>
          <p:nvPr/>
        </p:nvSpPr>
        <p:spPr>
          <a:xfrm>
            <a:off x="6251712" y="4740983"/>
            <a:ext cx="5909334" cy="2070494"/>
          </a:xfrm>
          <a:prstGeom prst="rect">
            <a:avLst/>
          </a:prstGeom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900" b="1" dirty="0">
                <a:cs typeface="Arial"/>
              </a:rPr>
              <a:t>Testen, leren, borgen:</a:t>
            </a:r>
            <a:endParaRPr lang="en-US" sz="1200" b="1" dirty="0">
              <a:cs typeface="Arial"/>
            </a:endParaRPr>
          </a:p>
        </p:txBody>
      </p:sp>
      <p:graphicFrame>
        <p:nvGraphicFramePr>
          <p:cNvPr id="17" name="Table 17">
            <a:extLst>
              <a:ext uri="{FF2B5EF4-FFF2-40B4-BE49-F238E27FC236}">
                <a16:creationId xmlns:a16="http://schemas.microsoft.com/office/drawing/2014/main" id="{6B3C627C-3973-400F-958D-14104C29C09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36058144"/>
              </p:ext>
            </p:extLst>
          </p:nvPr>
        </p:nvGraphicFramePr>
        <p:xfrm>
          <a:off x="7834403" y="69536"/>
          <a:ext cx="2679694" cy="417597"/>
        </p:xfrm>
        <a:graphic>
          <a:graphicData uri="http://schemas.openxmlformats.org/drawingml/2006/table">
            <a:tbl>
              <a:tblPr firstRow="1" bandRow="1">
                <a:tableStyleId>{8799B23B-EC83-4686-B30A-512413B5E67A}</a:tableStyleId>
              </a:tblPr>
              <a:tblGrid>
                <a:gridCol w="1339847">
                  <a:extLst>
                    <a:ext uri="{9D8B030D-6E8A-4147-A177-3AD203B41FA5}">
                      <a16:colId xmlns:a16="http://schemas.microsoft.com/office/drawing/2014/main" val="2723251287"/>
                    </a:ext>
                  </a:extLst>
                </a:gridCol>
                <a:gridCol w="1339847">
                  <a:extLst>
                    <a:ext uri="{9D8B030D-6E8A-4147-A177-3AD203B41FA5}">
                      <a16:colId xmlns:a16="http://schemas.microsoft.com/office/drawing/2014/main" val="3119938649"/>
                    </a:ext>
                  </a:extLst>
                </a:gridCol>
              </a:tblGrid>
              <a:tr h="217300">
                <a:tc>
                  <a:txBody>
                    <a:bodyPr/>
                    <a:lstStyle/>
                    <a:p>
                      <a:r>
                        <a:rPr lang="en-US" sz="700" dirty="0"/>
                        <a:t>Naam Green Belt: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700" dirty="0"/>
                        <a:t>Versie / Datum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88774237"/>
                  </a:ext>
                </a:extLst>
              </a:tr>
              <a:tr h="200297">
                <a:tc>
                  <a:txBody>
                    <a:bodyPr/>
                    <a:lstStyle/>
                    <a:p>
                      <a:r>
                        <a:rPr lang="en-US" sz="700" dirty="0" smtClean="0"/>
                        <a:t>Koen van</a:t>
                      </a:r>
                      <a:r>
                        <a:rPr lang="en-US" sz="700" baseline="0" dirty="0" smtClean="0"/>
                        <a:t> der Meer </a:t>
                      </a:r>
                      <a:endParaRPr lang="en-US" sz="7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700" dirty="0"/>
                        <a:t>Versie </a:t>
                      </a:r>
                      <a:r>
                        <a:rPr lang="en-US" sz="700" dirty="0" smtClean="0"/>
                        <a:t>3 </a:t>
                      </a:r>
                      <a:r>
                        <a:rPr lang="en-US" sz="700" dirty="0"/>
                        <a:t>/ </a:t>
                      </a:r>
                      <a:r>
                        <a:rPr lang="en-US" sz="700" dirty="0" smtClean="0"/>
                        <a:t>30-10-2023</a:t>
                      </a:r>
                      <a:endParaRPr lang="en-US" sz="7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8373431"/>
                  </a:ext>
                </a:extLst>
              </a:tr>
            </a:tbl>
          </a:graphicData>
        </a:graphic>
      </p:graphicFrame>
      <p:pic>
        <p:nvPicPr>
          <p:cNvPr id="20" name="Afbeelding 19"/>
          <p:cNvPicPr>
            <a:picLocks noChangeAspect="1"/>
          </p:cNvPicPr>
          <p:nvPr/>
        </p:nvPicPr>
        <p:blipFill rotWithShape="1">
          <a:blip r:embed="rId3"/>
          <a:srcRect l="11940" t="11687" r="9879" b="11707"/>
          <a:stretch/>
        </p:blipFill>
        <p:spPr>
          <a:xfrm>
            <a:off x="5040291" y="561287"/>
            <a:ext cx="1052711" cy="773621"/>
          </a:xfrm>
          <a:prstGeom prst="rect">
            <a:avLst/>
          </a:prstGeom>
        </p:spPr>
      </p:pic>
      <p:pic>
        <p:nvPicPr>
          <p:cNvPr id="21" name="Afbeelding 20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19348" y="4097630"/>
            <a:ext cx="4353554" cy="480145"/>
          </a:xfrm>
          <a:prstGeom prst="rect">
            <a:avLst/>
          </a:prstGeom>
        </p:spPr>
      </p:pic>
      <p:pic>
        <p:nvPicPr>
          <p:cNvPr id="11" name="Afbeelding 10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021984" y="1877060"/>
            <a:ext cx="789214" cy="585107"/>
          </a:xfrm>
          <a:prstGeom prst="rect">
            <a:avLst/>
          </a:prstGeom>
        </p:spPr>
      </p:pic>
      <p:pic>
        <p:nvPicPr>
          <p:cNvPr id="10" name="Afbeelding 9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738888" y="1520239"/>
            <a:ext cx="1422245" cy="1274479"/>
          </a:xfrm>
          <a:prstGeom prst="rect">
            <a:avLst/>
          </a:prstGeom>
        </p:spPr>
      </p:pic>
      <p:pic>
        <p:nvPicPr>
          <p:cNvPr id="32" name="Afbeelding 31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778840" y="4796774"/>
            <a:ext cx="2921219" cy="598232"/>
          </a:xfrm>
          <a:prstGeom prst="rect">
            <a:avLst/>
          </a:prstGeom>
        </p:spPr>
      </p:pic>
      <p:pic>
        <p:nvPicPr>
          <p:cNvPr id="14" name="Afbeelding 13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063303" y="5384740"/>
            <a:ext cx="2909776" cy="1250499"/>
          </a:xfrm>
          <a:prstGeom prst="rect">
            <a:avLst/>
          </a:prstGeom>
        </p:spPr>
      </p:pic>
      <p:pic>
        <p:nvPicPr>
          <p:cNvPr id="22" name="Picture 2" descr="d8360035-7e25-4589-90d5-a0d34e4bfda1@eurprd04"/>
          <p:cNvPicPr>
            <a:picLocks noChangeAspect="1" noChangeArrowheads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6317853" y="5384740"/>
            <a:ext cx="1815814" cy="13950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9" name="Afbeelding 28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10739815" y="4803512"/>
            <a:ext cx="1421231" cy="1976310"/>
          </a:xfrm>
          <a:prstGeom prst="rect">
            <a:avLst/>
          </a:prstGeom>
        </p:spPr>
      </p:pic>
      <p:pic>
        <p:nvPicPr>
          <p:cNvPr id="26" name="Picture 2" descr="a08d084c-5347-42d8-a384-15d4006062df@eurprd04"/>
          <p:cNvPicPr>
            <a:picLocks noChangeAspect="1" noChangeArrowheads="1"/>
          </p:cNvPicPr>
          <p:nvPr/>
        </p:nvPicPr>
        <p:blipFill rotWithShape="1"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568634" y="2516975"/>
            <a:ext cx="2077415" cy="154610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0" name="Rechthoek 29"/>
          <p:cNvSpPr/>
          <p:nvPr/>
        </p:nvSpPr>
        <p:spPr>
          <a:xfrm>
            <a:off x="4274031" y="3354128"/>
            <a:ext cx="1838782" cy="480145"/>
          </a:xfrm>
          <a:prstGeom prst="rect">
            <a:avLst/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900" dirty="0" smtClean="0">
                <a:solidFill>
                  <a:schemeClr val="tx2"/>
                </a:solidFill>
              </a:rPr>
              <a:t>Minimale wachttijd 101 minuten </a:t>
            </a:r>
          </a:p>
          <a:p>
            <a:pPr algn="ctr"/>
            <a:r>
              <a:rPr lang="en-US" sz="900" dirty="0" smtClean="0">
                <a:solidFill>
                  <a:schemeClr val="tx2"/>
                </a:solidFill>
              </a:rPr>
              <a:t>Maximale wachttijd 230 minuten </a:t>
            </a:r>
          </a:p>
          <a:p>
            <a:pPr algn="ctr"/>
            <a:r>
              <a:rPr lang="en-US" sz="900" b="1" dirty="0" smtClean="0">
                <a:solidFill>
                  <a:schemeClr val="tx2"/>
                </a:solidFill>
              </a:rPr>
              <a:t>Mean wachttijd 141 minuten </a:t>
            </a:r>
            <a:endParaRPr lang="en-US" sz="900" b="1" dirty="0">
              <a:solidFill>
                <a:schemeClr val="tx2"/>
              </a:solidFill>
            </a:endParaRPr>
          </a:p>
        </p:txBody>
      </p:sp>
      <p:pic>
        <p:nvPicPr>
          <p:cNvPr id="25" name="Afbeelding 24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99343" y="2504512"/>
            <a:ext cx="2194722" cy="1558570"/>
          </a:xfrm>
          <a:prstGeom prst="rect">
            <a:avLst/>
          </a:prstGeom>
        </p:spPr>
      </p:pic>
      <p:pic>
        <p:nvPicPr>
          <p:cNvPr id="31" name="Afbeelding 30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8935278" y="566143"/>
            <a:ext cx="3204096" cy="1955850"/>
          </a:xfrm>
          <a:prstGeom prst="rect">
            <a:avLst/>
          </a:prstGeom>
        </p:spPr>
      </p:pic>
      <p:pic>
        <p:nvPicPr>
          <p:cNvPr id="33" name="Afbeelding 32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7594372" y="2640005"/>
            <a:ext cx="3463261" cy="2009603"/>
          </a:xfrm>
          <a:prstGeom prst="rect">
            <a:avLst/>
          </a:prstGeom>
        </p:spPr>
      </p:pic>
      <p:pic>
        <p:nvPicPr>
          <p:cNvPr id="34" name="Afbeelding 33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11145296" y="2641481"/>
            <a:ext cx="919420" cy="2030687"/>
          </a:xfrm>
          <a:prstGeom prst="rect">
            <a:avLst/>
          </a:prstGeom>
        </p:spPr>
      </p:pic>
      <p:sp>
        <p:nvSpPr>
          <p:cNvPr id="16" name="Rechthoek 15"/>
          <p:cNvSpPr/>
          <p:nvPr/>
        </p:nvSpPr>
        <p:spPr>
          <a:xfrm>
            <a:off x="6317852" y="4912822"/>
            <a:ext cx="1381475" cy="413926"/>
          </a:xfrm>
          <a:prstGeom prst="rect">
            <a:avLst/>
          </a:prstGeom>
          <a:solidFill>
            <a:srgbClr val="FFC000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800" dirty="0" smtClean="0"/>
          </a:p>
          <a:p>
            <a:pPr algn="ctr"/>
            <a:endParaRPr lang="en-US" sz="800" dirty="0">
              <a:solidFill>
                <a:schemeClr val="tx2"/>
              </a:solidFill>
            </a:endParaRPr>
          </a:p>
          <a:p>
            <a:pPr algn="ctr"/>
            <a:r>
              <a:rPr lang="en-US" sz="800" dirty="0" smtClean="0">
                <a:solidFill>
                  <a:schemeClr val="tx2"/>
                </a:solidFill>
              </a:rPr>
              <a:t>Mean Wachttijd &lt;7min</a:t>
            </a:r>
          </a:p>
          <a:p>
            <a:pPr algn="ctr"/>
            <a:r>
              <a:rPr lang="en-US" sz="800" dirty="0" smtClean="0">
                <a:solidFill>
                  <a:schemeClr val="tx2"/>
                </a:solidFill>
              </a:rPr>
              <a:t>Transport verminderd (-4)</a:t>
            </a:r>
          </a:p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35605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FA38FB-D36F-4D0B-9C7E-44B660675B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037" y="83857"/>
            <a:ext cx="7595044" cy="243019"/>
          </a:xfrm>
        </p:spPr>
        <p:txBody>
          <a:bodyPr>
            <a:normAutofit fontScale="90000"/>
          </a:bodyPr>
          <a:lstStyle/>
          <a:p>
            <a:r>
              <a:rPr lang="en-US" sz="1286" dirty="0">
                <a:latin typeface="Arial Black"/>
              </a:rPr>
              <a:t>A3 - ECV, klaar terwijl u wacht! </a:t>
            </a:r>
            <a:br>
              <a:rPr lang="en-US" sz="1286" dirty="0">
                <a:latin typeface="Arial Black"/>
              </a:rPr>
            </a:br>
            <a:r>
              <a:rPr lang="en-US" sz="1286" dirty="0">
                <a:latin typeface="Arial Black"/>
              </a:rPr>
              <a:t>Reduceren van wachttijden voor een electief geplande </a:t>
            </a:r>
            <a:r>
              <a:rPr lang="en-US" sz="1286" dirty="0" smtClean="0">
                <a:latin typeface="Arial Black"/>
              </a:rPr>
              <a:t>electrocardioversie (ECV). </a:t>
            </a:r>
            <a:endParaRPr lang="en-US" sz="1429" dirty="0">
              <a:latin typeface="Arial Black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F5B2978-32C8-454B-AE4C-2F89497F6EB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3619" y="509579"/>
            <a:ext cx="6148581" cy="839476"/>
          </a:xfrm>
          <a:ln>
            <a:solidFill>
              <a:schemeClr val="accent2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wrap="square" lIns="91426" tIns="45713" rIns="91426" bIns="45713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indent="0">
              <a:buNone/>
            </a:pPr>
            <a:r>
              <a:rPr lang="nl-NL" sz="857" b="1" dirty="0" smtClean="0">
                <a:cs typeface="Arial"/>
              </a:rPr>
              <a:t>Achtergrond</a:t>
            </a:r>
            <a:r>
              <a:rPr lang="nl-NL" sz="857" b="1" dirty="0">
                <a:cs typeface="Arial"/>
              </a:rPr>
              <a:t/>
            </a:r>
            <a:br>
              <a:rPr lang="nl-NL" sz="857" b="1" dirty="0">
                <a:cs typeface="Arial"/>
              </a:rPr>
            </a:br>
            <a:r>
              <a:rPr lang="nl-NL" sz="857" dirty="0">
                <a:cs typeface="Arial"/>
              </a:rPr>
              <a:t>Een </a:t>
            </a:r>
            <a:r>
              <a:rPr lang="nl-NL" sz="857" dirty="0" smtClean="0">
                <a:cs typeface="Arial"/>
              </a:rPr>
              <a:t>elektrocardioversie </a:t>
            </a:r>
            <a:r>
              <a:rPr lang="nl-NL" sz="857" dirty="0">
                <a:cs typeface="Arial"/>
              </a:rPr>
              <a:t>is een behandeling voor </a:t>
            </a:r>
            <a:r>
              <a:rPr lang="nl-NL" sz="857" dirty="0" smtClean="0">
                <a:cs typeface="Arial"/>
              </a:rPr>
              <a:t>een (</a:t>
            </a:r>
            <a:r>
              <a:rPr lang="nl-NL" sz="857" dirty="0">
                <a:cs typeface="Arial"/>
              </a:rPr>
              <a:t>supra) ventriculaire </a:t>
            </a:r>
            <a:r>
              <a:rPr lang="nl-NL" sz="857" dirty="0" smtClean="0">
                <a:cs typeface="Arial"/>
              </a:rPr>
              <a:t>hartritmestoonis</a:t>
            </a:r>
            <a:r>
              <a:rPr lang="nl-NL" sz="857" dirty="0">
                <a:cs typeface="Arial"/>
              </a:rPr>
              <a:t>. </a:t>
            </a:r>
            <a:br>
              <a:rPr lang="nl-NL" sz="857" dirty="0">
                <a:cs typeface="Arial"/>
              </a:rPr>
            </a:br>
            <a:r>
              <a:rPr lang="nl-NL" sz="857" dirty="0" smtClean="0">
                <a:cs typeface="Arial"/>
              </a:rPr>
              <a:t>Patiënten </a:t>
            </a:r>
            <a:r>
              <a:rPr lang="nl-NL" sz="857" dirty="0">
                <a:cs typeface="Arial"/>
              </a:rPr>
              <a:t>geven in </a:t>
            </a:r>
            <a:r>
              <a:rPr lang="nl-NL" sz="857" dirty="0" smtClean="0">
                <a:cs typeface="Arial"/>
              </a:rPr>
              <a:t>de </a:t>
            </a:r>
            <a:r>
              <a:rPr lang="nl-NL" sz="857" dirty="0">
                <a:cs typeface="Arial"/>
              </a:rPr>
              <a:t>patiëntenervaringsmeter (PEM) aan dat zij de wachttijd </a:t>
            </a:r>
            <a:r>
              <a:rPr lang="nl-NL" sz="857" dirty="0" smtClean="0">
                <a:cs typeface="Arial"/>
              </a:rPr>
              <a:t>bij </a:t>
            </a:r>
            <a:r>
              <a:rPr lang="nl-NL" sz="857" dirty="0">
                <a:cs typeface="Arial"/>
              </a:rPr>
              <a:t>opname </a:t>
            </a:r>
            <a:r>
              <a:rPr lang="nl-NL" sz="857" dirty="0" smtClean="0">
                <a:cs typeface="Arial"/>
              </a:rPr>
              <a:t/>
            </a:r>
            <a:br>
              <a:rPr lang="nl-NL" sz="857" dirty="0" smtClean="0">
                <a:cs typeface="Arial"/>
              </a:rPr>
            </a:br>
            <a:r>
              <a:rPr lang="nl-NL" sz="857" dirty="0" smtClean="0">
                <a:cs typeface="Arial"/>
              </a:rPr>
              <a:t>tot </a:t>
            </a:r>
            <a:r>
              <a:rPr lang="nl-NL" sz="857" dirty="0">
                <a:cs typeface="Arial"/>
              </a:rPr>
              <a:t>aan procedure te lang vinden. </a:t>
            </a:r>
            <a:r>
              <a:rPr lang="nl-NL" sz="857" dirty="0" smtClean="0">
                <a:cs typeface="Arial"/>
              </a:rPr>
              <a:t>Tegelijk ervaren </a:t>
            </a:r>
            <a:r>
              <a:rPr lang="nl-NL" sz="857" dirty="0">
                <a:cs typeface="Arial"/>
              </a:rPr>
              <a:t>behandelaren </a:t>
            </a:r>
            <a:r>
              <a:rPr lang="nl-NL" sz="857" dirty="0" smtClean="0">
                <a:cs typeface="Arial"/>
              </a:rPr>
              <a:t>dat </a:t>
            </a:r>
            <a:r>
              <a:rPr lang="nl-NL" sz="857" dirty="0">
                <a:cs typeface="Arial"/>
              </a:rPr>
              <a:t>het ECV programma </a:t>
            </a:r>
            <a:r>
              <a:rPr lang="nl-NL" sz="857" dirty="0" smtClean="0">
                <a:cs typeface="Arial"/>
              </a:rPr>
              <a:t/>
            </a:r>
            <a:br>
              <a:rPr lang="nl-NL" sz="857" dirty="0" smtClean="0">
                <a:cs typeface="Arial"/>
              </a:rPr>
            </a:br>
            <a:r>
              <a:rPr lang="nl-NL" sz="857" dirty="0" smtClean="0">
                <a:cs typeface="Arial"/>
              </a:rPr>
              <a:t>onvoldoende </a:t>
            </a:r>
            <a:r>
              <a:rPr lang="nl-NL" sz="857" dirty="0">
                <a:cs typeface="Arial"/>
              </a:rPr>
              <a:t>kan </a:t>
            </a:r>
            <a:r>
              <a:rPr lang="nl-NL" sz="857" dirty="0" smtClean="0">
                <a:cs typeface="Arial"/>
              </a:rPr>
              <a:t>inspelen op </a:t>
            </a:r>
            <a:r>
              <a:rPr lang="nl-NL" sz="857" dirty="0">
                <a:cs typeface="Arial"/>
              </a:rPr>
              <a:t>de vraag en aanbod</a:t>
            </a:r>
            <a:r>
              <a:rPr lang="nl-NL" sz="857" dirty="0" smtClean="0">
                <a:cs typeface="Arial"/>
              </a:rPr>
              <a:t>. Het ECV </a:t>
            </a:r>
            <a:r>
              <a:rPr lang="nl-NL" sz="857" dirty="0">
                <a:cs typeface="Arial"/>
              </a:rPr>
              <a:t>programma heeft grote impact </a:t>
            </a:r>
            <a:r>
              <a:rPr lang="nl-NL" sz="857" dirty="0" smtClean="0">
                <a:cs typeface="Arial"/>
              </a:rPr>
              <a:t/>
            </a:r>
            <a:br>
              <a:rPr lang="nl-NL" sz="857" dirty="0" smtClean="0">
                <a:cs typeface="Arial"/>
              </a:rPr>
            </a:br>
            <a:r>
              <a:rPr lang="nl-NL" sz="857" dirty="0" smtClean="0">
                <a:cs typeface="Arial"/>
              </a:rPr>
              <a:t>op </a:t>
            </a:r>
            <a:r>
              <a:rPr lang="nl-NL" sz="857" dirty="0">
                <a:cs typeface="Arial"/>
              </a:rPr>
              <a:t>de </a:t>
            </a:r>
            <a:r>
              <a:rPr lang="nl-NL" sz="857" dirty="0" smtClean="0">
                <a:cs typeface="Arial"/>
              </a:rPr>
              <a:t>beddencapaciteit </a:t>
            </a:r>
            <a:r>
              <a:rPr lang="nl-NL" sz="857" dirty="0">
                <a:cs typeface="Arial"/>
              </a:rPr>
              <a:t>van de afdeling </a:t>
            </a:r>
            <a:r>
              <a:rPr lang="nl-NL" sz="857" dirty="0" smtClean="0">
                <a:cs typeface="Arial"/>
              </a:rPr>
              <a:t>kortdurend </a:t>
            </a:r>
            <a:r>
              <a:rPr lang="nl-NL" sz="857" dirty="0">
                <a:cs typeface="Arial"/>
              </a:rPr>
              <a:t>verblijf cardiologie.    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EF8D8310-35E4-4758-8CB6-5DB720F620C1}"/>
              </a:ext>
            </a:extLst>
          </p:cNvPr>
          <p:cNvSpPr txBox="1">
            <a:spLocks/>
          </p:cNvSpPr>
          <p:nvPr/>
        </p:nvSpPr>
        <p:spPr>
          <a:xfrm>
            <a:off x="23619" y="1386219"/>
            <a:ext cx="6145013" cy="3224728"/>
          </a:xfrm>
          <a:prstGeom prst="rect">
            <a:avLst/>
          </a:prstGeom>
          <a:ln>
            <a:solidFill>
              <a:srgbClr val="53B29C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NL" sz="857" b="1" dirty="0"/>
              <a:t>Huidige situatie</a:t>
            </a:r>
            <a:br>
              <a:rPr lang="nl-NL" sz="857" b="1" dirty="0"/>
            </a:br>
            <a:r>
              <a:rPr lang="nl-NL" sz="857" dirty="0"/>
              <a:t>- In het Erasmus MC is een wekelijks electief ECV programma voor 4 tot 6 patiënten op de </a:t>
            </a:r>
            <a:br>
              <a:rPr lang="nl-NL" sz="857" dirty="0"/>
            </a:br>
            <a:r>
              <a:rPr lang="nl-NL" sz="857" dirty="0" smtClean="0"/>
              <a:t>  dagbehandeling </a:t>
            </a:r>
            <a:r>
              <a:rPr lang="nl-NL" sz="857" dirty="0"/>
              <a:t>van de afdeling kortdurend verblijf cardiologie. </a:t>
            </a:r>
            <a:br>
              <a:rPr lang="nl-NL" sz="857" dirty="0"/>
            </a:br>
            <a:r>
              <a:rPr lang="nl-NL" sz="857" dirty="0"/>
              <a:t>- Patiënten worden vanaf 07:00 opgenomen met een interval van 15 minuten </a:t>
            </a:r>
            <a:br>
              <a:rPr lang="nl-NL" sz="857" dirty="0"/>
            </a:br>
            <a:r>
              <a:rPr lang="nl-NL" sz="857" dirty="0"/>
              <a:t>(per operatiekamer, totaal 5 kamers, minimaal 12 opnames per dag). </a:t>
            </a:r>
            <a:br>
              <a:rPr lang="nl-NL" sz="857" dirty="0"/>
            </a:br>
            <a:r>
              <a:rPr lang="nl-NL" sz="857" dirty="0"/>
              <a:t>- Opname wordt uitgevoerd door de kliniek assistent. </a:t>
            </a:r>
            <a:br>
              <a:rPr lang="nl-NL" sz="857" dirty="0"/>
            </a:br>
            <a:r>
              <a:rPr lang="nl-NL" sz="857" dirty="0"/>
              <a:t>- Analyse van de benodigde lab-uitslagen voor ECV duren minimaal 60 minuten. </a:t>
            </a:r>
            <a:br>
              <a:rPr lang="nl-NL" sz="857" dirty="0"/>
            </a:br>
            <a:r>
              <a:rPr lang="nl-NL" sz="857" dirty="0"/>
              <a:t>- Het opnameproces en de ECV geeft veel overbewerking.</a:t>
            </a:r>
            <a:br>
              <a:rPr lang="nl-NL" sz="857" dirty="0"/>
            </a:br>
            <a:r>
              <a:rPr lang="nl-NL" sz="857" dirty="0"/>
              <a:t>- Indien niet EKG dan wordt dit pas tijdens ECV opgemerkt </a:t>
            </a:r>
            <a:br>
              <a:rPr lang="nl-NL" sz="857" dirty="0"/>
            </a:br>
            <a:r>
              <a:rPr lang="nl-NL" sz="857" dirty="0"/>
              <a:t/>
            </a:r>
            <a:br>
              <a:rPr lang="nl-NL" sz="857" dirty="0"/>
            </a:br>
            <a:r>
              <a:rPr lang="nl-NL" sz="857" dirty="0"/>
              <a:t/>
            </a:r>
            <a:br>
              <a:rPr lang="nl-NL" sz="857" dirty="0"/>
            </a:br>
            <a:r>
              <a:rPr lang="nl-NL" sz="857" dirty="0"/>
              <a:t> </a:t>
            </a:r>
          </a:p>
          <a:p>
            <a:endParaRPr lang="nl-NL" sz="786" dirty="0"/>
          </a:p>
          <a:p>
            <a:endParaRPr lang="nl-NL" sz="100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E8717847-779A-4A67-9CAE-254490418B52}"/>
              </a:ext>
            </a:extLst>
          </p:cNvPr>
          <p:cNvSpPr txBox="1">
            <a:spLocks/>
          </p:cNvSpPr>
          <p:nvPr/>
        </p:nvSpPr>
        <p:spPr>
          <a:xfrm>
            <a:off x="23619" y="4655815"/>
            <a:ext cx="6148581" cy="643001"/>
          </a:xfrm>
          <a:prstGeom prst="rect">
            <a:avLst/>
          </a:prstGeom>
          <a:ln>
            <a:solidFill>
              <a:schemeClr val="accent5">
                <a:lumMod val="50000"/>
              </a:schemeClr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857" b="1" dirty="0">
                <a:cs typeface="Arial"/>
              </a:rPr>
              <a:t>Doelstelling</a:t>
            </a:r>
            <a:br>
              <a:rPr lang="en-US" sz="857" b="1" dirty="0">
                <a:cs typeface="Arial"/>
              </a:rPr>
            </a:br>
            <a:r>
              <a:rPr lang="nl-NL" sz="857" dirty="0">
                <a:cs typeface="Arial"/>
              </a:rPr>
              <a:t>Binnen 3 maanden na invoering van de tegenmaatregelen is de doorlooptijd van een ECV-opname in het Erasmus MC verbeterd. Er heeft een 50% reductie plaatsgevonden in de wachttijd voor patiënten die opgenomen worden voor een </a:t>
            </a:r>
            <a:r>
              <a:rPr lang="nl-NL" sz="857" dirty="0" smtClean="0">
                <a:cs typeface="Arial"/>
              </a:rPr>
              <a:t> electieve </a:t>
            </a:r>
            <a:r>
              <a:rPr lang="nl-NL" sz="857" dirty="0">
                <a:cs typeface="Arial"/>
              </a:rPr>
              <a:t>ECV in het Erasmus </a:t>
            </a:r>
            <a:r>
              <a:rPr lang="nl-NL" sz="857" dirty="0" smtClean="0">
                <a:cs typeface="Arial"/>
              </a:rPr>
              <a:t>MC. Er </a:t>
            </a:r>
            <a:r>
              <a:rPr lang="nl-NL" sz="857" dirty="0">
                <a:cs typeface="Arial"/>
              </a:rPr>
              <a:t>wordt gestreefd naar continue procesoptimalisatie omflow in </a:t>
            </a:r>
            <a:r>
              <a:rPr lang="nl-NL" sz="857" dirty="0" smtClean="0">
                <a:cs typeface="Arial"/>
              </a:rPr>
              <a:t>het programma </a:t>
            </a:r>
            <a:r>
              <a:rPr lang="nl-NL" sz="857" dirty="0">
                <a:cs typeface="Arial"/>
              </a:rPr>
              <a:t>te optimaliseren en productie te verhogen met gelijke middelen om in te kunnen spelen op de productievraag .</a:t>
            </a:r>
            <a:endParaRPr lang="en-US" sz="857" dirty="0"/>
          </a:p>
          <a:p>
            <a:pPr>
              <a:spcAft>
                <a:spcPts val="0"/>
              </a:spcAft>
            </a:pPr>
            <a:endParaRPr lang="en-US" sz="857" dirty="0">
              <a:cs typeface="Arial"/>
            </a:endParaRP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2A87F75E-4505-4259-B3E4-3F8F1AE78636}"/>
              </a:ext>
            </a:extLst>
          </p:cNvPr>
          <p:cNvSpPr txBox="1">
            <a:spLocks/>
          </p:cNvSpPr>
          <p:nvPr/>
        </p:nvSpPr>
        <p:spPr>
          <a:xfrm>
            <a:off x="23619" y="5326748"/>
            <a:ext cx="6148581" cy="1462682"/>
          </a:xfrm>
          <a:prstGeom prst="rect">
            <a:avLst/>
          </a:prstGeom>
          <a:ln>
            <a:solidFill>
              <a:schemeClr val="accent1">
                <a:lumMod val="60000"/>
                <a:lumOff val="40000"/>
              </a:schemeClr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893" b="1" dirty="0">
                <a:cs typeface="Arial"/>
              </a:rPr>
              <a:t>Analyse:</a:t>
            </a:r>
            <a:endParaRPr lang="nl-NL" sz="893" dirty="0">
              <a:cs typeface="Arial"/>
            </a:endParaRP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1.Wachttijd lab</a:t>
            </a: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2. Veel opnames zelfde tijd</a:t>
            </a: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3. Veel dubbele werkzaamheden</a:t>
            </a: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4. Geen standaard werkwijze </a:t>
            </a:r>
          </a:p>
          <a:p>
            <a:pPr marL="163289" indent="-163289" fontAlgn="auto">
              <a:spcAft>
                <a:spcPts val="0"/>
              </a:spcAft>
              <a:buAutoNum type="arabicPeriod"/>
            </a:pPr>
            <a:endParaRPr lang="en-US" sz="786" dirty="0">
              <a:cs typeface="Arial"/>
            </a:endParaRP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B007FB6E-61A1-4842-BADC-EABD9C02350C}"/>
              </a:ext>
            </a:extLst>
          </p:cNvPr>
          <p:cNvSpPr txBox="1">
            <a:spLocks/>
          </p:cNvSpPr>
          <p:nvPr/>
        </p:nvSpPr>
        <p:spPr>
          <a:xfrm>
            <a:off x="6251712" y="533014"/>
            <a:ext cx="5909333" cy="2023378"/>
          </a:xfrm>
          <a:prstGeom prst="rect">
            <a:avLst/>
          </a:prstGeom>
          <a:ln>
            <a:solidFill>
              <a:schemeClr val="accent1">
                <a:lumMod val="40000"/>
                <a:lumOff val="60000"/>
              </a:schemeClr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 fontScale="92500" lnSpcReduction="20000"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t"/>
            <a:r>
              <a:rPr lang="en-US" sz="900" b="1" dirty="0">
                <a:cs typeface="Arial"/>
              </a:rPr>
              <a:t>Tegenmaatregelen</a:t>
            </a:r>
            <a:r>
              <a:rPr lang="en-US" sz="900" b="1" dirty="0" smtClean="0">
                <a:cs typeface="Arial"/>
              </a:rPr>
              <a:t>:</a:t>
            </a:r>
          </a:p>
          <a:p>
            <a:pPr fontAlgn="t"/>
            <a:r>
              <a:rPr lang="en-US" sz="900" b="1" dirty="0" smtClean="0">
                <a:cs typeface="Arial"/>
              </a:rPr>
              <a:t/>
            </a:r>
            <a:br>
              <a:rPr lang="en-US" sz="900" b="1" dirty="0" smtClean="0">
                <a:cs typeface="Arial"/>
              </a:rPr>
            </a:br>
            <a:r>
              <a:rPr lang="en-US" sz="900" dirty="0" smtClean="0">
                <a:cs typeface="Arial"/>
              </a:rPr>
              <a:t>1</a:t>
            </a:r>
            <a:r>
              <a:rPr lang="en-US" sz="900" b="1" dirty="0">
                <a:cs typeface="Arial"/>
              </a:rPr>
              <a:t>. </a:t>
            </a:r>
            <a:r>
              <a:rPr lang="en-US" sz="900" dirty="0"/>
              <a:t>Invoeren </a:t>
            </a:r>
            <a:r>
              <a:rPr lang="en-US" sz="900" dirty="0" smtClean="0"/>
              <a:t>sneltest</a:t>
            </a:r>
            <a:br>
              <a:rPr lang="en-US" sz="900" dirty="0" smtClean="0"/>
            </a:br>
            <a:r>
              <a:rPr lang="en-US" sz="900" dirty="0"/>
              <a:t/>
            </a:r>
            <a:br>
              <a:rPr lang="en-US" sz="900" dirty="0"/>
            </a:br>
            <a:r>
              <a:rPr lang="en-US" sz="900" dirty="0" smtClean="0"/>
              <a:t>2. ECV programma naar de middag</a:t>
            </a:r>
            <a:r>
              <a:rPr lang="en-US" sz="900" dirty="0"/>
              <a:t/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3. </a:t>
            </a:r>
            <a:r>
              <a:rPr lang="en-US" sz="900" dirty="0"/>
              <a:t>Invoeren voor en nabespreking</a:t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4. Opnamesspreigin </a:t>
            </a:r>
            <a:br>
              <a:rPr lang="en-US" sz="900" dirty="0" smtClean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5. 2 kamersysteem</a:t>
            </a:r>
            <a:r>
              <a:rPr lang="en-US" sz="900" dirty="0"/>
              <a:t/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7. </a:t>
            </a:r>
            <a:r>
              <a:rPr lang="en-US" sz="900" dirty="0"/>
              <a:t>Opname en ECV combineren</a:t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8. </a:t>
            </a:r>
            <a:r>
              <a:rPr lang="en-US" sz="900" dirty="0"/>
              <a:t>Extra patient inplannen </a:t>
            </a:r>
            <a:r>
              <a:rPr lang="en-US" sz="900" dirty="0" smtClean="0"/>
              <a:t>FIFO (</a:t>
            </a:r>
            <a:r>
              <a:rPr lang="en-US" sz="900" dirty="0"/>
              <a:t>met geplande wachttijd)</a:t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9. </a:t>
            </a:r>
            <a:r>
              <a:rPr lang="en-US" sz="900" dirty="0"/>
              <a:t>Electieve ECV op dalmomenten </a:t>
            </a:r>
            <a:endParaRPr lang="en-US" sz="900" dirty="0" smtClean="0"/>
          </a:p>
          <a:p>
            <a:pPr fontAlgn="t"/>
            <a:r>
              <a:rPr lang="en-US" sz="900" dirty="0" smtClean="0">
                <a:cs typeface="Arial"/>
              </a:rPr>
              <a:t>10 extra sedatie inzet </a:t>
            </a:r>
            <a:endParaRPr lang="en-US" sz="900" dirty="0">
              <a:cs typeface="Arial"/>
            </a:endParaRPr>
          </a:p>
          <a:p>
            <a:pPr marL="163289" indent="-163289" fontAlgn="auto">
              <a:spcAft>
                <a:spcPts val="0"/>
              </a:spcAft>
              <a:buAutoNum type="arabicPeriod"/>
            </a:pPr>
            <a:endParaRPr lang="nl-NL" sz="750" b="1" dirty="0">
              <a:cs typeface="Arial"/>
            </a:endParaRPr>
          </a:p>
          <a:p>
            <a:pPr marL="244933" indent="-244933" fontAlgn="auto">
              <a:spcAft>
                <a:spcPts val="0"/>
              </a:spcAft>
              <a:buAutoNum type="arabicPeriod"/>
            </a:pPr>
            <a:endParaRPr lang="en-US" sz="750" dirty="0">
              <a:cs typeface="Arial"/>
            </a:endParaRPr>
          </a:p>
        </p:txBody>
      </p:sp>
      <p:pic>
        <p:nvPicPr>
          <p:cNvPr id="5" name="Afbeelding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66122" y="5361297"/>
            <a:ext cx="2908179" cy="1418526"/>
          </a:xfrm>
          <a:prstGeom prst="rect">
            <a:avLst/>
          </a:prstGeom>
        </p:spPr>
      </p:pic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BCF81E62-F976-4CB7-BF11-5140E8F15030}"/>
              </a:ext>
            </a:extLst>
          </p:cNvPr>
          <p:cNvSpPr txBox="1">
            <a:spLocks/>
          </p:cNvSpPr>
          <p:nvPr/>
        </p:nvSpPr>
        <p:spPr>
          <a:xfrm>
            <a:off x="6251712" y="2602274"/>
            <a:ext cx="5900667" cy="2092827"/>
          </a:xfrm>
          <a:prstGeom prst="rect">
            <a:avLst/>
          </a:prstGeom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auto">
              <a:spcAft>
                <a:spcPts val="0"/>
              </a:spcAft>
            </a:pPr>
            <a:r>
              <a:rPr lang="en-US" sz="900" b="1" dirty="0">
                <a:cs typeface="Arial"/>
              </a:rPr>
              <a:t>Implementatieplan:</a:t>
            </a:r>
            <a:br>
              <a:rPr lang="en-US" sz="900" b="1" dirty="0">
                <a:cs typeface="Arial"/>
              </a:rPr>
            </a:br>
            <a:r>
              <a:rPr lang="en-US" sz="900" b="1" dirty="0">
                <a:cs typeface="Arial"/>
              </a:rPr>
              <a:t/>
            </a:r>
            <a:br>
              <a:rPr lang="en-US" sz="900" b="1" dirty="0">
                <a:cs typeface="Arial"/>
              </a:rPr>
            </a:br>
            <a:r>
              <a:rPr lang="en-US" sz="800" dirty="0">
                <a:cs typeface="Arial"/>
              </a:rPr>
              <a:t>1</a:t>
            </a:r>
            <a:r>
              <a:rPr lang="en-US" sz="800" b="1" dirty="0">
                <a:cs typeface="Arial"/>
              </a:rPr>
              <a:t>. </a:t>
            </a:r>
            <a:r>
              <a:rPr lang="en-US" sz="800" dirty="0"/>
              <a:t>Invoeren </a:t>
            </a:r>
            <a:r>
              <a:rPr lang="en-US" sz="800" dirty="0" smtClean="0"/>
              <a:t>sneltest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3. Invoeren voor en </a:t>
            </a: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 smtClean="0"/>
              <a:t>nabespreking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7. Opname en ECV </a:t>
            </a: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 smtClean="0"/>
              <a:t>combineren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8. Extra patient inplannen FIFO</a:t>
            </a:r>
            <a:br>
              <a:rPr lang="en-US" sz="800" dirty="0"/>
            </a:br>
            <a:r>
              <a:rPr lang="en-US" sz="800" dirty="0"/>
              <a:t>(met geplande wachttijd</a:t>
            </a:r>
            <a:r>
              <a:rPr lang="en-US" sz="800" dirty="0" smtClean="0"/>
              <a:t>)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9. Electieve ECV op </a:t>
            </a: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 smtClean="0"/>
              <a:t>dalmomenten </a:t>
            </a:r>
            <a:endParaRPr lang="en-US" sz="800" b="1" dirty="0">
              <a:cs typeface="Arial"/>
            </a:endParaRPr>
          </a:p>
          <a:p>
            <a:pPr fontAlgn="auto">
              <a:spcAft>
                <a:spcPts val="0"/>
              </a:spcAft>
            </a:pPr>
            <a:endParaRPr lang="en-US" sz="900" b="1" dirty="0">
              <a:cs typeface="Arial"/>
            </a:endParaRPr>
          </a:p>
          <a:p>
            <a:pPr fontAlgn="auto">
              <a:spcAft>
                <a:spcPts val="0"/>
              </a:spcAft>
            </a:pPr>
            <a:endParaRPr lang="en-US" sz="900" dirty="0">
              <a:cs typeface="Arial"/>
            </a:endParaRPr>
          </a:p>
        </p:txBody>
      </p:sp>
      <p:sp>
        <p:nvSpPr>
          <p:cNvPr id="15" name="Content Placeholder 3">
            <a:extLst>
              <a:ext uri="{FF2B5EF4-FFF2-40B4-BE49-F238E27FC236}">
                <a16:creationId xmlns:a16="http://schemas.microsoft.com/office/drawing/2014/main" id="{31FA6401-9482-4F7B-821F-FB01A1C41C15}"/>
              </a:ext>
            </a:extLst>
          </p:cNvPr>
          <p:cNvSpPr txBox="1">
            <a:spLocks/>
          </p:cNvSpPr>
          <p:nvPr/>
        </p:nvSpPr>
        <p:spPr>
          <a:xfrm>
            <a:off x="6251712" y="4740983"/>
            <a:ext cx="5909334" cy="2070494"/>
          </a:xfrm>
          <a:prstGeom prst="rect">
            <a:avLst/>
          </a:prstGeom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900" b="1" dirty="0">
                <a:cs typeface="Arial"/>
              </a:rPr>
              <a:t>Testen, leren, borgen:</a:t>
            </a:r>
            <a:endParaRPr lang="en-US" sz="1200" b="1" dirty="0">
              <a:cs typeface="Arial"/>
            </a:endParaRPr>
          </a:p>
        </p:txBody>
      </p:sp>
      <p:graphicFrame>
        <p:nvGraphicFramePr>
          <p:cNvPr id="17" name="Table 17">
            <a:extLst>
              <a:ext uri="{FF2B5EF4-FFF2-40B4-BE49-F238E27FC236}">
                <a16:creationId xmlns:a16="http://schemas.microsoft.com/office/drawing/2014/main" id="{6B3C627C-3973-400F-958D-14104C29C09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36058144"/>
              </p:ext>
            </p:extLst>
          </p:nvPr>
        </p:nvGraphicFramePr>
        <p:xfrm>
          <a:off x="7834403" y="69536"/>
          <a:ext cx="2679694" cy="417597"/>
        </p:xfrm>
        <a:graphic>
          <a:graphicData uri="http://schemas.openxmlformats.org/drawingml/2006/table">
            <a:tbl>
              <a:tblPr firstRow="1" bandRow="1">
                <a:tableStyleId>{8799B23B-EC83-4686-B30A-512413B5E67A}</a:tableStyleId>
              </a:tblPr>
              <a:tblGrid>
                <a:gridCol w="1339847">
                  <a:extLst>
                    <a:ext uri="{9D8B030D-6E8A-4147-A177-3AD203B41FA5}">
                      <a16:colId xmlns:a16="http://schemas.microsoft.com/office/drawing/2014/main" val="2723251287"/>
                    </a:ext>
                  </a:extLst>
                </a:gridCol>
                <a:gridCol w="1339847">
                  <a:extLst>
                    <a:ext uri="{9D8B030D-6E8A-4147-A177-3AD203B41FA5}">
                      <a16:colId xmlns:a16="http://schemas.microsoft.com/office/drawing/2014/main" val="3119938649"/>
                    </a:ext>
                  </a:extLst>
                </a:gridCol>
              </a:tblGrid>
              <a:tr h="217300">
                <a:tc>
                  <a:txBody>
                    <a:bodyPr/>
                    <a:lstStyle/>
                    <a:p>
                      <a:r>
                        <a:rPr lang="en-US" sz="700" dirty="0"/>
                        <a:t>Naam Green Belt: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700" dirty="0"/>
                        <a:t>Versie / Datum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88774237"/>
                  </a:ext>
                </a:extLst>
              </a:tr>
              <a:tr h="200297">
                <a:tc>
                  <a:txBody>
                    <a:bodyPr/>
                    <a:lstStyle/>
                    <a:p>
                      <a:r>
                        <a:rPr lang="en-US" sz="700" dirty="0" smtClean="0"/>
                        <a:t>Koen van</a:t>
                      </a:r>
                      <a:r>
                        <a:rPr lang="en-US" sz="700" baseline="0" dirty="0" smtClean="0"/>
                        <a:t> der Meer </a:t>
                      </a:r>
                      <a:endParaRPr lang="en-US" sz="7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700" dirty="0"/>
                        <a:t>Versie </a:t>
                      </a:r>
                      <a:r>
                        <a:rPr lang="en-US" sz="700" dirty="0" smtClean="0"/>
                        <a:t>3 </a:t>
                      </a:r>
                      <a:r>
                        <a:rPr lang="en-US" sz="700" dirty="0"/>
                        <a:t>/ </a:t>
                      </a:r>
                      <a:r>
                        <a:rPr lang="en-US" sz="700" dirty="0" smtClean="0"/>
                        <a:t>30-10-2023</a:t>
                      </a:r>
                      <a:endParaRPr lang="en-US" sz="7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8373431"/>
                  </a:ext>
                </a:extLst>
              </a:tr>
            </a:tbl>
          </a:graphicData>
        </a:graphic>
      </p:graphicFrame>
      <p:pic>
        <p:nvPicPr>
          <p:cNvPr id="20" name="Afbeelding 19"/>
          <p:cNvPicPr>
            <a:picLocks noChangeAspect="1"/>
          </p:cNvPicPr>
          <p:nvPr/>
        </p:nvPicPr>
        <p:blipFill rotWithShape="1">
          <a:blip r:embed="rId3"/>
          <a:srcRect l="11940" t="11687" r="9879" b="11707"/>
          <a:stretch/>
        </p:blipFill>
        <p:spPr>
          <a:xfrm>
            <a:off x="5040291" y="561287"/>
            <a:ext cx="1052711" cy="773621"/>
          </a:xfrm>
          <a:prstGeom prst="rect">
            <a:avLst/>
          </a:prstGeom>
        </p:spPr>
      </p:pic>
      <p:pic>
        <p:nvPicPr>
          <p:cNvPr id="21" name="Afbeelding 20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19348" y="4097630"/>
            <a:ext cx="4353554" cy="480145"/>
          </a:xfrm>
          <a:prstGeom prst="rect">
            <a:avLst/>
          </a:prstGeom>
        </p:spPr>
      </p:pic>
      <p:pic>
        <p:nvPicPr>
          <p:cNvPr id="11" name="Afbeelding 10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021984" y="1877060"/>
            <a:ext cx="789214" cy="585107"/>
          </a:xfrm>
          <a:prstGeom prst="rect">
            <a:avLst/>
          </a:prstGeom>
        </p:spPr>
      </p:pic>
      <p:pic>
        <p:nvPicPr>
          <p:cNvPr id="10" name="Afbeelding 9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738888" y="1520239"/>
            <a:ext cx="1422245" cy="1274479"/>
          </a:xfrm>
          <a:prstGeom prst="rect">
            <a:avLst/>
          </a:prstGeom>
        </p:spPr>
      </p:pic>
      <p:pic>
        <p:nvPicPr>
          <p:cNvPr id="32" name="Afbeelding 31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778840" y="4796774"/>
            <a:ext cx="2921219" cy="598232"/>
          </a:xfrm>
          <a:prstGeom prst="rect">
            <a:avLst/>
          </a:prstGeom>
        </p:spPr>
      </p:pic>
      <p:pic>
        <p:nvPicPr>
          <p:cNvPr id="14" name="Afbeelding 13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063303" y="5384740"/>
            <a:ext cx="2909776" cy="1250499"/>
          </a:xfrm>
          <a:prstGeom prst="rect">
            <a:avLst/>
          </a:prstGeom>
        </p:spPr>
      </p:pic>
      <p:pic>
        <p:nvPicPr>
          <p:cNvPr id="22" name="Picture 2" descr="d8360035-7e25-4589-90d5-a0d34e4bfda1@eurprd04"/>
          <p:cNvPicPr>
            <a:picLocks noChangeAspect="1" noChangeArrowheads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6317853" y="5384740"/>
            <a:ext cx="1815814" cy="13950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9" name="Afbeelding 28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10739815" y="4803512"/>
            <a:ext cx="1421231" cy="1976310"/>
          </a:xfrm>
          <a:prstGeom prst="rect">
            <a:avLst/>
          </a:prstGeom>
        </p:spPr>
      </p:pic>
      <p:pic>
        <p:nvPicPr>
          <p:cNvPr id="26" name="Picture 2" descr="a08d084c-5347-42d8-a384-15d4006062df@eurprd04"/>
          <p:cNvPicPr>
            <a:picLocks noChangeAspect="1" noChangeArrowheads="1"/>
          </p:cNvPicPr>
          <p:nvPr/>
        </p:nvPicPr>
        <p:blipFill rotWithShape="1"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568634" y="2516975"/>
            <a:ext cx="2077415" cy="154610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0" name="Rechthoek 29"/>
          <p:cNvSpPr/>
          <p:nvPr/>
        </p:nvSpPr>
        <p:spPr>
          <a:xfrm>
            <a:off x="4274031" y="3354128"/>
            <a:ext cx="1838782" cy="480145"/>
          </a:xfrm>
          <a:prstGeom prst="rect">
            <a:avLst/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900" dirty="0" smtClean="0">
                <a:solidFill>
                  <a:schemeClr val="tx2"/>
                </a:solidFill>
              </a:rPr>
              <a:t>Minimale wachttijd 101 minuten </a:t>
            </a:r>
          </a:p>
          <a:p>
            <a:pPr algn="ctr"/>
            <a:r>
              <a:rPr lang="en-US" sz="900" dirty="0" smtClean="0">
                <a:solidFill>
                  <a:schemeClr val="tx2"/>
                </a:solidFill>
              </a:rPr>
              <a:t>Maximale wachttijd 230 minuten </a:t>
            </a:r>
          </a:p>
          <a:p>
            <a:pPr algn="ctr"/>
            <a:r>
              <a:rPr lang="en-US" sz="900" b="1" dirty="0" smtClean="0">
                <a:solidFill>
                  <a:schemeClr val="tx2"/>
                </a:solidFill>
              </a:rPr>
              <a:t>Mean wachttijd 141 minuten </a:t>
            </a:r>
            <a:endParaRPr lang="en-US" sz="900" b="1" dirty="0">
              <a:solidFill>
                <a:schemeClr val="tx2"/>
              </a:solidFill>
            </a:endParaRPr>
          </a:p>
        </p:txBody>
      </p:sp>
      <p:pic>
        <p:nvPicPr>
          <p:cNvPr id="25" name="Afbeelding 24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99343" y="2504512"/>
            <a:ext cx="2194722" cy="1558570"/>
          </a:xfrm>
          <a:prstGeom prst="rect">
            <a:avLst/>
          </a:prstGeom>
        </p:spPr>
      </p:pic>
      <p:pic>
        <p:nvPicPr>
          <p:cNvPr id="31" name="Afbeelding 30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8935278" y="566143"/>
            <a:ext cx="3204096" cy="1955850"/>
          </a:xfrm>
          <a:prstGeom prst="rect">
            <a:avLst/>
          </a:prstGeom>
        </p:spPr>
      </p:pic>
      <p:pic>
        <p:nvPicPr>
          <p:cNvPr id="33" name="Afbeelding 32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7594372" y="2640005"/>
            <a:ext cx="3463261" cy="2009603"/>
          </a:xfrm>
          <a:prstGeom prst="rect">
            <a:avLst/>
          </a:prstGeom>
        </p:spPr>
      </p:pic>
      <p:pic>
        <p:nvPicPr>
          <p:cNvPr id="34" name="Afbeelding 33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11145296" y="2641481"/>
            <a:ext cx="919420" cy="2030687"/>
          </a:xfrm>
          <a:prstGeom prst="rect">
            <a:avLst/>
          </a:prstGeom>
        </p:spPr>
      </p:pic>
      <p:sp>
        <p:nvSpPr>
          <p:cNvPr id="16" name="Rechthoek 15"/>
          <p:cNvSpPr/>
          <p:nvPr/>
        </p:nvSpPr>
        <p:spPr>
          <a:xfrm>
            <a:off x="6317852" y="4912822"/>
            <a:ext cx="1381475" cy="413926"/>
          </a:xfrm>
          <a:prstGeom prst="rect">
            <a:avLst/>
          </a:prstGeom>
          <a:solidFill>
            <a:srgbClr val="FFC000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800" dirty="0" smtClean="0"/>
          </a:p>
          <a:p>
            <a:pPr algn="ctr"/>
            <a:endParaRPr lang="en-US" sz="800" dirty="0">
              <a:solidFill>
                <a:schemeClr val="tx2"/>
              </a:solidFill>
            </a:endParaRPr>
          </a:p>
          <a:p>
            <a:pPr algn="ctr"/>
            <a:r>
              <a:rPr lang="en-US" sz="800" dirty="0" smtClean="0">
                <a:solidFill>
                  <a:schemeClr val="tx2"/>
                </a:solidFill>
              </a:rPr>
              <a:t>Mean Wachttijd &lt;7min</a:t>
            </a:r>
          </a:p>
          <a:p>
            <a:pPr algn="ctr"/>
            <a:r>
              <a:rPr lang="en-US" sz="800" dirty="0" smtClean="0">
                <a:solidFill>
                  <a:schemeClr val="tx2"/>
                </a:solidFill>
              </a:rPr>
              <a:t>Transport verminderd (-4)</a:t>
            </a:r>
          </a:p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874106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Eindpunten </a:t>
            </a:r>
            <a:endParaRPr lang="en-US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smtClean="0"/>
              <a:t>Harde eindpunten</a:t>
            </a:r>
          </a:p>
          <a:p>
            <a:pPr lvl="1"/>
            <a:r>
              <a:rPr lang="en-US" dirty="0" smtClean="0"/>
              <a:t>Wachttijd verkort naar 6 minuten en 57seconden</a:t>
            </a:r>
          </a:p>
          <a:p>
            <a:pPr lvl="1"/>
            <a:r>
              <a:rPr lang="en-US" dirty="0" smtClean="0"/>
              <a:t>Productie is verhoogd van maximaal 6 naar minimal 10 patienten per programma</a:t>
            </a:r>
            <a:r>
              <a:rPr lang="en-US" dirty="0"/>
              <a:t> </a:t>
            </a:r>
            <a:r>
              <a:rPr lang="en-US" dirty="0" smtClean="0"/>
              <a:t>(in minder tijd)</a:t>
            </a:r>
          </a:p>
          <a:p>
            <a:pPr lvl="1"/>
            <a:r>
              <a:rPr lang="en-US" dirty="0" smtClean="0"/>
              <a:t>Minder bewegingen/transport</a:t>
            </a:r>
          </a:p>
          <a:p>
            <a:pPr lvl="1"/>
            <a:r>
              <a:rPr lang="en-US" dirty="0" smtClean="0"/>
              <a:t>Minder dubbele werkzaamheden</a:t>
            </a:r>
          </a:p>
          <a:p>
            <a:pPr lvl="1"/>
            <a:r>
              <a:rPr lang="en-US" dirty="0" smtClean="0"/>
              <a:t>Lagere beddendruk 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r>
              <a:rPr lang="en-US" dirty="0" smtClean="0"/>
              <a:t>Zachte eindpunten</a:t>
            </a:r>
          </a:p>
          <a:p>
            <a:pPr lvl="1"/>
            <a:r>
              <a:rPr lang="en-US" dirty="0"/>
              <a:t>Lagere werkdruk</a:t>
            </a:r>
          </a:p>
          <a:p>
            <a:pPr lvl="1"/>
            <a:r>
              <a:rPr lang="en-US" dirty="0"/>
              <a:t>Meer </a:t>
            </a:r>
            <a:r>
              <a:rPr lang="en-US" dirty="0" smtClean="0"/>
              <a:t>flexibiliteit</a:t>
            </a:r>
          </a:p>
          <a:p>
            <a:pPr lvl="1"/>
            <a:r>
              <a:rPr lang="en-US" dirty="0" smtClean="0"/>
              <a:t>Flow &amp; Pull </a:t>
            </a:r>
            <a:endParaRPr lang="en-US" dirty="0"/>
          </a:p>
          <a:p>
            <a:pPr lvl="1"/>
            <a:endParaRPr lang="en-US" dirty="0" smtClean="0"/>
          </a:p>
          <a:p>
            <a:pPr lvl="1"/>
            <a:endParaRPr lang="en-US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Testen, Leren 	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01259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Stroomschema ECV programma </a:t>
            </a:r>
            <a:endParaRPr lang="en-US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Borgen 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8" name="Afgeronde rechthoek 7"/>
          <p:cNvSpPr/>
          <p:nvPr/>
        </p:nvSpPr>
        <p:spPr>
          <a:xfrm>
            <a:off x="4588302" y="1321487"/>
            <a:ext cx="2743630" cy="1099815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 smtClean="0"/>
              <a:t>ECV</a:t>
            </a:r>
            <a:endParaRPr lang="en-US" dirty="0"/>
          </a:p>
        </p:txBody>
      </p:sp>
      <p:sp>
        <p:nvSpPr>
          <p:cNvPr id="11" name="Afgeronde rechthoek 10"/>
          <p:cNvSpPr/>
          <p:nvPr/>
        </p:nvSpPr>
        <p:spPr>
          <a:xfrm>
            <a:off x="9440882" y="2599287"/>
            <a:ext cx="2639499" cy="1109236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 smtClean="0"/>
              <a:t>Individueel afspraken met VS</a:t>
            </a:r>
            <a:endParaRPr lang="en-US" sz="1600" dirty="0"/>
          </a:p>
        </p:txBody>
      </p:sp>
      <p:sp>
        <p:nvSpPr>
          <p:cNvPr id="12" name="Tijdelijke aanduiding voor inhoud 11"/>
          <p:cNvSpPr>
            <a:spLocks noGrp="1"/>
          </p:cNvSpPr>
          <p:nvPr>
            <p:ph idx="1"/>
          </p:nvPr>
        </p:nvSpPr>
        <p:spPr>
          <a:xfrm>
            <a:off x="6133713" y="2599287"/>
            <a:ext cx="2645203" cy="1099815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indent="0" algn="ctr">
              <a:buNone/>
            </a:pPr>
            <a:r>
              <a:rPr lang="en-US" sz="1800" dirty="0" smtClean="0">
                <a:ln w="0"/>
                <a:solidFill>
                  <a:schemeClr val="bg1"/>
                </a:solidFill>
                <a:effectLst>
                  <a:outerShdw blurRad="38100" dist="19050" dir="2700000" algn="tl" rotWithShape="0">
                    <a:schemeClr val="dk1">
                      <a:alpha val="40000"/>
                    </a:schemeClr>
                  </a:outerShdw>
                </a:effectLst>
              </a:rPr>
              <a:t>(Semi)spoed </a:t>
            </a:r>
            <a:endParaRPr lang="en-US" sz="1800" dirty="0">
              <a:solidFill>
                <a:schemeClr val="bg1"/>
              </a:solidFill>
            </a:endParaRPr>
          </a:p>
        </p:txBody>
      </p:sp>
      <p:sp>
        <p:nvSpPr>
          <p:cNvPr id="13" name="Afgeronde rechthoek 12"/>
          <p:cNvSpPr/>
          <p:nvPr/>
        </p:nvSpPr>
        <p:spPr>
          <a:xfrm>
            <a:off x="3216487" y="2599287"/>
            <a:ext cx="2743630" cy="1099815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 smtClean="0"/>
              <a:t>Gepland </a:t>
            </a:r>
            <a:endParaRPr lang="en-US" dirty="0"/>
          </a:p>
        </p:txBody>
      </p:sp>
      <p:sp>
        <p:nvSpPr>
          <p:cNvPr id="14" name="Afgeronde rechthoek 13"/>
          <p:cNvSpPr/>
          <p:nvPr/>
        </p:nvSpPr>
        <p:spPr>
          <a:xfrm>
            <a:off x="2470745" y="3876650"/>
            <a:ext cx="2743630" cy="1187695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 smtClean="0"/>
              <a:t>Locatie</a:t>
            </a:r>
            <a:endParaRPr lang="en-US" dirty="0"/>
          </a:p>
        </p:txBody>
      </p:sp>
      <p:sp>
        <p:nvSpPr>
          <p:cNvPr id="15" name="Afgeronde rechthoek 14"/>
          <p:cNvSpPr/>
          <p:nvPr/>
        </p:nvSpPr>
        <p:spPr>
          <a:xfrm>
            <a:off x="190541" y="5244431"/>
            <a:ext cx="2743630" cy="1198775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600" b="1" dirty="0" smtClean="0"/>
              <a:t>Interventiekam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 smtClean="0"/>
              <a:t>Patient volledig gereed naar procedure</a:t>
            </a:r>
          </a:p>
        </p:txBody>
      </p:sp>
      <p:sp>
        <p:nvSpPr>
          <p:cNvPr id="16" name="Afgeronde rechthoek 15"/>
          <p:cNvSpPr/>
          <p:nvPr/>
        </p:nvSpPr>
        <p:spPr>
          <a:xfrm>
            <a:off x="4867776" y="5244430"/>
            <a:ext cx="2743630" cy="1198776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600" b="1" dirty="0" smtClean="0"/>
              <a:t>Behandelkamer</a:t>
            </a:r>
            <a:endParaRPr lang="en-US" sz="16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 smtClean="0"/>
              <a:t>Opname en ECV per direct op de kamer </a:t>
            </a:r>
            <a:endParaRPr lang="en-US" sz="1600" dirty="0"/>
          </a:p>
        </p:txBody>
      </p:sp>
      <p:sp>
        <p:nvSpPr>
          <p:cNvPr id="20" name="Pijl-omlaag 19"/>
          <p:cNvSpPr/>
          <p:nvPr/>
        </p:nvSpPr>
        <p:spPr>
          <a:xfrm>
            <a:off x="4800209" y="4766486"/>
            <a:ext cx="489754" cy="694875"/>
          </a:xfrm>
          <a:prstGeom prst="downArrow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2" name="Pijl-omlaag 21"/>
          <p:cNvSpPr/>
          <p:nvPr/>
        </p:nvSpPr>
        <p:spPr>
          <a:xfrm rot="16200000">
            <a:off x="8840392" y="2781595"/>
            <a:ext cx="539014" cy="783768"/>
          </a:xfrm>
          <a:prstGeom prst="downArrow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3" name="Pijl-omlaag 22"/>
          <p:cNvSpPr/>
          <p:nvPr/>
        </p:nvSpPr>
        <p:spPr>
          <a:xfrm>
            <a:off x="2511984" y="4783824"/>
            <a:ext cx="489754" cy="694875"/>
          </a:xfrm>
          <a:prstGeom prst="downArrow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4" name="Pijl-omlaag 23"/>
          <p:cNvSpPr/>
          <p:nvPr/>
        </p:nvSpPr>
        <p:spPr>
          <a:xfrm>
            <a:off x="4310455" y="3410508"/>
            <a:ext cx="489754" cy="694875"/>
          </a:xfrm>
          <a:prstGeom prst="downArrow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5" name="Pijl-omlaag 24"/>
          <p:cNvSpPr/>
          <p:nvPr/>
        </p:nvSpPr>
        <p:spPr>
          <a:xfrm>
            <a:off x="5302945" y="2198838"/>
            <a:ext cx="489754" cy="694875"/>
          </a:xfrm>
          <a:prstGeom prst="downArrow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6" name="Pijl-omlaag 25"/>
          <p:cNvSpPr/>
          <p:nvPr/>
        </p:nvSpPr>
        <p:spPr>
          <a:xfrm>
            <a:off x="6209788" y="2198838"/>
            <a:ext cx="489754" cy="694875"/>
          </a:xfrm>
          <a:prstGeom prst="downArrow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3956782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Stroomschema ECV-dag </a:t>
            </a:r>
            <a:endParaRPr lang="en-US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Borgen 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2</a:t>
            </a:fld>
            <a:endParaRPr lang="en-GB" dirty="0"/>
          </a:p>
        </p:txBody>
      </p:sp>
      <p:sp>
        <p:nvSpPr>
          <p:cNvPr id="9" name="Afgeronde rechthoek 8"/>
          <p:cNvSpPr/>
          <p:nvPr/>
        </p:nvSpPr>
        <p:spPr>
          <a:xfrm>
            <a:off x="4519775" y="1263345"/>
            <a:ext cx="2725738" cy="1152549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dirty="0" smtClean="0"/>
              <a:t>07:45</a:t>
            </a:r>
          </a:p>
          <a:p>
            <a:r>
              <a:rPr lang="en-US" dirty="0" smtClean="0"/>
              <a:t>Voorbespreken programma / bijzonderheden</a:t>
            </a:r>
          </a:p>
        </p:txBody>
      </p:sp>
      <p:sp>
        <p:nvSpPr>
          <p:cNvPr id="12" name="Tijdelijke aanduiding voor inhoud 1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 smtClean="0"/>
              <a:t> </a:t>
            </a:r>
            <a:endParaRPr lang="en-US" dirty="0"/>
          </a:p>
        </p:txBody>
      </p:sp>
      <p:sp>
        <p:nvSpPr>
          <p:cNvPr id="13" name="Afgeronde rechthoek 12"/>
          <p:cNvSpPr/>
          <p:nvPr/>
        </p:nvSpPr>
        <p:spPr>
          <a:xfrm>
            <a:off x="4519775" y="4045091"/>
            <a:ext cx="2743630" cy="1099815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dirty="0" smtClean="0"/>
              <a:t>08:00</a:t>
            </a:r>
          </a:p>
          <a:p>
            <a:r>
              <a:rPr lang="en-US" dirty="0" smtClean="0"/>
              <a:t>Start programma</a:t>
            </a:r>
          </a:p>
          <a:p>
            <a:r>
              <a:rPr lang="en-US" dirty="0" smtClean="0"/>
              <a:t>FIFO afwerken </a:t>
            </a:r>
            <a:endParaRPr lang="en-US" dirty="0"/>
          </a:p>
        </p:txBody>
      </p:sp>
      <p:sp>
        <p:nvSpPr>
          <p:cNvPr id="16" name="Afgeronde rechthoek 15"/>
          <p:cNvSpPr/>
          <p:nvPr/>
        </p:nvSpPr>
        <p:spPr>
          <a:xfrm>
            <a:off x="4537667" y="5383230"/>
            <a:ext cx="2743630" cy="1099815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dirty="0" smtClean="0"/>
              <a:t>Einde programma</a:t>
            </a:r>
          </a:p>
          <a:p>
            <a:r>
              <a:rPr lang="en-US" dirty="0" smtClean="0"/>
              <a:t>Nabespreken / aanpassen process </a:t>
            </a:r>
            <a:endParaRPr lang="en-US" dirty="0"/>
          </a:p>
        </p:txBody>
      </p:sp>
      <p:sp>
        <p:nvSpPr>
          <p:cNvPr id="18" name="Afgeronde rechthoek 17"/>
          <p:cNvSpPr/>
          <p:nvPr/>
        </p:nvSpPr>
        <p:spPr>
          <a:xfrm>
            <a:off x="4519775" y="2654218"/>
            <a:ext cx="2725738" cy="1152549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dirty="0" smtClean="0"/>
              <a:t>07:50</a:t>
            </a:r>
          </a:p>
          <a:p>
            <a:r>
              <a:rPr lang="en-US" dirty="0" smtClean="0"/>
              <a:t>Kamer controleren evt aanvullen </a:t>
            </a:r>
          </a:p>
        </p:txBody>
      </p:sp>
      <p:sp>
        <p:nvSpPr>
          <p:cNvPr id="19" name="Pijl-omlaag 18"/>
          <p:cNvSpPr/>
          <p:nvPr/>
        </p:nvSpPr>
        <p:spPr>
          <a:xfrm>
            <a:off x="7281297" y="1825626"/>
            <a:ext cx="322661" cy="4200606"/>
          </a:xfrm>
          <a:prstGeom prst="downArrow">
            <a:avLst/>
          </a:prstGeom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6710017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FA38FB-D36F-4D0B-9C7E-44B660675B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037" y="83857"/>
            <a:ext cx="7595044" cy="243019"/>
          </a:xfrm>
        </p:spPr>
        <p:txBody>
          <a:bodyPr>
            <a:normAutofit fontScale="90000"/>
          </a:bodyPr>
          <a:lstStyle/>
          <a:p>
            <a:r>
              <a:rPr lang="en-US" sz="1286" dirty="0">
                <a:latin typeface="Arial Black"/>
              </a:rPr>
              <a:t>A3 - ECV, klaar terwijl u wacht! </a:t>
            </a:r>
            <a:br>
              <a:rPr lang="en-US" sz="1286" dirty="0">
                <a:latin typeface="Arial Black"/>
              </a:rPr>
            </a:br>
            <a:r>
              <a:rPr lang="en-US" sz="1286" dirty="0">
                <a:latin typeface="Arial Black"/>
              </a:rPr>
              <a:t>Reduceren van wachttijden voor een electief geplande </a:t>
            </a:r>
            <a:r>
              <a:rPr lang="en-US" sz="1286" dirty="0" smtClean="0">
                <a:latin typeface="Arial Black"/>
              </a:rPr>
              <a:t>electrocardioversie (ECV). </a:t>
            </a:r>
            <a:endParaRPr lang="en-US" sz="1429" dirty="0">
              <a:latin typeface="Arial Black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F5B2978-32C8-454B-AE4C-2F89497F6EB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3619" y="509579"/>
            <a:ext cx="6148581" cy="839476"/>
          </a:xfrm>
          <a:ln>
            <a:solidFill>
              <a:schemeClr val="accent2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wrap="square" lIns="91426" tIns="45713" rIns="91426" bIns="45713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indent="0">
              <a:buNone/>
            </a:pPr>
            <a:r>
              <a:rPr lang="nl-NL" sz="857" b="1" dirty="0" smtClean="0">
                <a:cs typeface="Arial"/>
              </a:rPr>
              <a:t>Achtergrond</a:t>
            </a:r>
            <a:r>
              <a:rPr lang="nl-NL" sz="857" b="1" dirty="0">
                <a:cs typeface="Arial"/>
              </a:rPr>
              <a:t/>
            </a:r>
            <a:br>
              <a:rPr lang="nl-NL" sz="857" b="1" dirty="0">
                <a:cs typeface="Arial"/>
              </a:rPr>
            </a:br>
            <a:r>
              <a:rPr lang="nl-NL" sz="857" dirty="0">
                <a:cs typeface="Arial"/>
              </a:rPr>
              <a:t>Een </a:t>
            </a:r>
            <a:r>
              <a:rPr lang="nl-NL" sz="857" dirty="0" smtClean="0">
                <a:cs typeface="Arial"/>
              </a:rPr>
              <a:t>elektrocardioversie </a:t>
            </a:r>
            <a:r>
              <a:rPr lang="nl-NL" sz="857" dirty="0">
                <a:cs typeface="Arial"/>
              </a:rPr>
              <a:t>is een behandeling voor </a:t>
            </a:r>
            <a:r>
              <a:rPr lang="nl-NL" sz="857" dirty="0" smtClean="0">
                <a:cs typeface="Arial"/>
              </a:rPr>
              <a:t>een (</a:t>
            </a:r>
            <a:r>
              <a:rPr lang="nl-NL" sz="857" dirty="0">
                <a:cs typeface="Arial"/>
              </a:rPr>
              <a:t>supra) ventriculaire </a:t>
            </a:r>
            <a:r>
              <a:rPr lang="nl-NL" sz="857" dirty="0" smtClean="0">
                <a:cs typeface="Arial"/>
              </a:rPr>
              <a:t>hartritmestoonis</a:t>
            </a:r>
            <a:r>
              <a:rPr lang="nl-NL" sz="857" dirty="0">
                <a:cs typeface="Arial"/>
              </a:rPr>
              <a:t>. </a:t>
            </a:r>
            <a:br>
              <a:rPr lang="nl-NL" sz="857" dirty="0">
                <a:cs typeface="Arial"/>
              </a:rPr>
            </a:br>
            <a:r>
              <a:rPr lang="nl-NL" sz="857" dirty="0" smtClean="0">
                <a:cs typeface="Arial"/>
              </a:rPr>
              <a:t>Patiënten </a:t>
            </a:r>
            <a:r>
              <a:rPr lang="nl-NL" sz="857" dirty="0">
                <a:cs typeface="Arial"/>
              </a:rPr>
              <a:t>geven in </a:t>
            </a:r>
            <a:r>
              <a:rPr lang="nl-NL" sz="857" dirty="0" smtClean="0">
                <a:cs typeface="Arial"/>
              </a:rPr>
              <a:t>de </a:t>
            </a:r>
            <a:r>
              <a:rPr lang="nl-NL" sz="857" dirty="0">
                <a:cs typeface="Arial"/>
              </a:rPr>
              <a:t>patiëntenervaringsmeter (PEM) aan dat zij de wachttijd </a:t>
            </a:r>
            <a:r>
              <a:rPr lang="nl-NL" sz="857" dirty="0" smtClean="0">
                <a:cs typeface="Arial"/>
              </a:rPr>
              <a:t>bij </a:t>
            </a:r>
            <a:r>
              <a:rPr lang="nl-NL" sz="857" dirty="0">
                <a:cs typeface="Arial"/>
              </a:rPr>
              <a:t>opname </a:t>
            </a:r>
            <a:r>
              <a:rPr lang="nl-NL" sz="857" dirty="0" smtClean="0">
                <a:cs typeface="Arial"/>
              </a:rPr>
              <a:t/>
            </a:r>
            <a:br>
              <a:rPr lang="nl-NL" sz="857" dirty="0" smtClean="0">
                <a:cs typeface="Arial"/>
              </a:rPr>
            </a:br>
            <a:r>
              <a:rPr lang="nl-NL" sz="857" dirty="0" smtClean="0">
                <a:cs typeface="Arial"/>
              </a:rPr>
              <a:t>tot </a:t>
            </a:r>
            <a:r>
              <a:rPr lang="nl-NL" sz="857" dirty="0">
                <a:cs typeface="Arial"/>
              </a:rPr>
              <a:t>aan procedure te lang vinden. </a:t>
            </a:r>
            <a:r>
              <a:rPr lang="nl-NL" sz="857" dirty="0" smtClean="0">
                <a:cs typeface="Arial"/>
              </a:rPr>
              <a:t>Tegelijk ervaren </a:t>
            </a:r>
            <a:r>
              <a:rPr lang="nl-NL" sz="857" dirty="0">
                <a:cs typeface="Arial"/>
              </a:rPr>
              <a:t>behandelaren </a:t>
            </a:r>
            <a:r>
              <a:rPr lang="nl-NL" sz="857" dirty="0" smtClean="0">
                <a:cs typeface="Arial"/>
              </a:rPr>
              <a:t>dat </a:t>
            </a:r>
            <a:r>
              <a:rPr lang="nl-NL" sz="857" dirty="0">
                <a:cs typeface="Arial"/>
              </a:rPr>
              <a:t>het ECV programma </a:t>
            </a:r>
            <a:r>
              <a:rPr lang="nl-NL" sz="857" dirty="0" smtClean="0">
                <a:cs typeface="Arial"/>
              </a:rPr>
              <a:t/>
            </a:r>
            <a:br>
              <a:rPr lang="nl-NL" sz="857" dirty="0" smtClean="0">
                <a:cs typeface="Arial"/>
              </a:rPr>
            </a:br>
            <a:r>
              <a:rPr lang="nl-NL" sz="857" dirty="0" smtClean="0">
                <a:cs typeface="Arial"/>
              </a:rPr>
              <a:t>onvoldoende </a:t>
            </a:r>
            <a:r>
              <a:rPr lang="nl-NL" sz="857" dirty="0">
                <a:cs typeface="Arial"/>
              </a:rPr>
              <a:t>kan </a:t>
            </a:r>
            <a:r>
              <a:rPr lang="nl-NL" sz="857" dirty="0" smtClean="0">
                <a:cs typeface="Arial"/>
              </a:rPr>
              <a:t>inspelen op </a:t>
            </a:r>
            <a:r>
              <a:rPr lang="nl-NL" sz="857" dirty="0">
                <a:cs typeface="Arial"/>
              </a:rPr>
              <a:t>de vraag en aanbod</a:t>
            </a:r>
            <a:r>
              <a:rPr lang="nl-NL" sz="857" dirty="0" smtClean="0">
                <a:cs typeface="Arial"/>
              </a:rPr>
              <a:t>. Het ECV </a:t>
            </a:r>
            <a:r>
              <a:rPr lang="nl-NL" sz="857" dirty="0">
                <a:cs typeface="Arial"/>
              </a:rPr>
              <a:t>programma heeft grote impact </a:t>
            </a:r>
            <a:r>
              <a:rPr lang="nl-NL" sz="857" dirty="0" smtClean="0">
                <a:cs typeface="Arial"/>
              </a:rPr>
              <a:t/>
            </a:r>
            <a:br>
              <a:rPr lang="nl-NL" sz="857" dirty="0" smtClean="0">
                <a:cs typeface="Arial"/>
              </a:rPr>
            </a:br>
            <a:r>
              <a:rPr lang="nl-NL" sz="857" dirty="0" smtClean="0">
                <a:cs typeface="Arial"/>
              </a:rPr>
              <a:t>op </a:t>
            </a:r>
            <a:r>
              <a:rPr lang="nl-NL" sz="857" dirty="0">
                <a:cs typeface="Arial"/>
              </a:rPr>
              <a:t>de </a:t>
            </a:r>
            <a:r>
              <a:rPr lang="nl-NL" sz="857" dirty="0" smtClean="0">
                <a:cs typeface="Arial"/>
              </a:rPr>
              <a:t>beddencapaciteit </a:t>
            </a:r>
            <a:r>
              <a:rPr lang="nl-NL" sz="857" dirty="0">
                <a:cs typeface="Arial"/>
              </a:rPr>
              <a:t>van de afdeling </a:t>
            </a:r>
            <a:r>
              <a:rPr lang="nl-NL" sz="857" dirty="0" smtClean="0">
                <a:cs typeface="Arial"/>
              </a:rPr>
              <a:t>kortdurend </a:t>
            </a:r>
            <a:r>
              <a:rPr lang="nl-NL" sz="857" dirty="0">
                <a:cs typeface="Arial"/>
              </a:rPr>
              <a:t>verblijf cardiologie.    </a:t>
            </a:r>
          </a:p>
        </p:txBody>
      </p:sp>
      <p:sp>
        <p:nvSpPr>
          <p:cNvPr id="6" name="Content Placeholder 3">
            <a:extLst>
              <a:ext uri="{FF2B5EF4-FFF2-40B4-BE49-F238E27FC236}">
                <a16:creationId xmlns:a16="http://schemas.microsoft.com/office/drawing/2014/main" id="{EF8D8310-35E4-4758-8CB6-5DB720F620C1}"/>
              </a:ext>
            </a:extLst>
          </p:cNvPr>
          <p:cNvSpPr txBox="1">
            <a:spLocks/>
          </p:cNvSpPr>
          <p:nvPr/>
        </p:nvSpPr>
        <p:spPr>
          <a:xfrm>
            <a:off x="23619" y="1386219"/>
            <a:ext cx="6145013" cy="3224728"/>
          </a:xfrm>
          <a:prstGeom prst="rect">
            <a:avLst/>
          </a:prstGeom>
          <a:ln>
            <a:solidFill>
              <a:srgbClr val="53B29C"/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NL" sz="857" b="1" dirty="0"/>
              <a:t>Huidige situatie</a:t>
            </a:r>
            <a:br>
              <a:rPr lang="nl-NL" sz="857" b="1" dirty="0"/>
            </a:br>
            <a:r>
              <a:rPr lang="nl-NL" sz="857" dirty="0"/>
              <a:t>- In het Erasmus MC is een wekelijks electief ECV programma voor 4 tot 6 patiënten op de </a:t>
            </a:r>
            <a:br>
              <a:rPr lang="nl-NL" sz="857" dirty="0"/>
            </a:br>
            <a:r>
              <a:rPr lang="nl-NL" sz="857" dirty="0" smtClean="0"/>
              <a:t>  dagbehandeling </a:t>
            </a:r>
            <a:r>
              <a:rPr lang="nl-NL" sz="857" dirty="0"/>
              <a:t>van de afdeling kortdurend verblijf cardiologie. </a:t>
            </a:r>
            <a:br>
              <a:rPr lang="nl-NL" sz="857" dirty="0"/>
            </a:br>
            <a:r>
              <a:rPr lang="nl-NL" sz="857" dirty="0"/>
              <a:t>- Patiënten worden vanaf 07:00 opgenomen met een interval van 15 minuten </a:t>
            </a:r>
            <a:br>
              <a:rPr lang="nl-NL" sz="857" dirty="0"/>
            </a:br>
            <a:r>
              <a:rPr lang="nl-NL" sz="857" dirty="0"/>
              <a:t>(per operatiekamer, totaal 5 kamers, minimaal 12 opnames per dag). </a:t>
            </a:r>
            <a:br>
              <a:rPr lang="nl-NL" sz="857" dirty="0"/>
            </a:br>
            <a:r>
              <a:rPr lang="nl-NL" sz="857" dirty="0"/>
              <a:t>- Opname wordt uitgevoerd door de kliniek assistent. </a:t>
            </a:r>
            <a:br>
              <a:rPr lang="nl-NL" sz="857" dirty="0"/>
            </a:br>
            <a:r>
              <a:rPr lang="nl-NL" sz="857" dirty="0"/>
              <a:t>- Analyse van de benodigde lab-uitslagen voor ECV duren minimaal 60 minuten. </a:t>
            </a:r>
            <a:br>
              <a:rPr lang="nl-NL" sz="857" dirty="0"/>
            </a:br>
            <a:r>
              <a:rPr lang="nl-NL" sz="857" dirty="0"/>
              <a:t>- Het opnameproces en de ECV geeft veel overbewerking.</a:t>
            </a:r>
            <a:br>
              <a:rPr lang="nl-NL" sz="857" dirty="0"/>
            </a:br>
            <a:r>
              <a:rPr lang="nl-NL" sz="857" dirty="0"/>
              <a:t>- Indien niet EKG dan wordt dit pas tijdens ECV opgemerkt </a:t>
            </a:r>
            <a:br>
              <a:rPr lang="nl-NL" sz="857" dirty="0"/>
            </a:br>
            <a:r>
              <a:rPr lang="nl-NL" sz="857" dirty="0"/>
              <a:t/>
            </a:r>
            <a:br>
              <a:rPr lang="nl-NL" sz="857" dirty="0"/>
            </a:br>
            <a:r>
              <a:rPr lang="nl-NL" sz="857" dirty="0"/>
              <a:t/>
            </a:r>
            <a:br>
              <a:rPr lang="nl-NL" sz="857" dirty="0"/>
            </a:br>
            <a:r>
              <a:rPr lang="nl-NL" sz="857" dirty="0"/>
              <a:t> </a:t>
            </a:r>
          </a:p>
          <a:p>
            <a:endParaRPr lang="nl-NL" sz="786" dirty="0"/>
          </a:p>
          <a:p>
            <a:endParaRPr lang="nl-NL" sz="100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E8717847-779A-4A67-9CAE-254490418B52}"/>
              </a:ext>
            </a:extLst>
          </p:cNvPr>
          <p:cNvSpPr txBox="1">
            <a:spLocks/>
          </p:cNvSpPr>
          <p:nvPr/>
        </p:nvSpPr>
        <p:spPr>
          <a:xfrm>
            <a:off x="23619" y="4655815"/>
            <a:ext cx="6148581" cy="643001"/>
          </a:xfrm>
          <a:prstGeom prst="rect">
            <a:avLst/>
          </a:prstGeom>
          <a:ln>
            <a:solidFill>
              <a:schemeClr val="accent5">
                <a:lumMod val="50000"/>
              </a:schemeClr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857" b="1" dirty="0">
                <a:cs typeface="Arial"/>
              </a:rPr>
              <a:t>Doelstelling</a:t>
            </a:r>
            <a:br>
              <a:rPr lang="en-US" sz="857" b="1" dirty="0">
                <a:cs typeface="Arial"/>
              </a:rPr>
            </a:br>
            <a:r>
              <a:rPr lang="nl-NL" sz="857" dirty="0">
                <a:cs typeface="Arial"/>
              </a:rPr>
              <a:t>Binnen 3 maanden na invoering van de tegenmaatregelen is de doorlooptijd van een ECV-opname in het Erasmus MC verbeterd. Er heeft een 50% reductie plaatsgevonden in de wachttijd voor patiënten die opgenomen worden voor een </a:t>
            </a:r>
            <a:r>
              <a:rPr lang="nl-NL" sz="857" dirty="0" smtClean="0">
                <a:cs typeface="Arial"/>
              </a:rPr>
              <a:t> electieve </a:t>
            </a:r>
            <a:r>
              <a:rPr lang="nl-NL" sz="857" dirty="0">
                <a:cs typeface="Arial"/>
              </a:rPr>
              <a:t>ECV in het Erasmus </a:t>
            </a:r>
            <a:r>
              <a:rPr lang="nl-NL" sz="857" dirty="0" smtClean="0">
                <a:cs typeface="Arial"/>
              </a:rPr>
              <a:t>MC. Er </a:t>
            </a:r>
            <a:r>
              <a:rPr lang="nl-NL" sz="857" dirty="0">
                <a:cs typeface="Arial"/>
              </a:rPr>
              <a:t>wordt gestreefd naar continue procesoptimalisatie omflow in </a:t>
            </a:r>
            <a:r>
              <a:rPr lang="nl-NL" sz="857" dirty="0" smtClean="0">
                <a:cs typeface="Arial"/>
              </a:rPr>
              <a:t>het programma </a:t>
            </a:r>
            <a:r>
              <a:rPr lang="nl-NL" sz="857" dirty="0">
                <a:cs typeface="Arial"/>
              </a:rPr>
              <a:t>te optimaliseren en productie te verhogen met gelijke middelen om in te kunnen spelen op de productievraag .</a:t>
            </a:r>
            <a:endParaRPr lang="en-US" sz="857" dirty="0"/>
          </a:p>
          <a:p>
            <a:pPr>
              <a:spcAft>
                <a:spcPts val="0"/>
              </a:spcAft>
            </a:pPr>
            <a:endParaRPr lang="en-US" sz="857" dirty="0">
              <a:cs typeface="Arial"/>
            </a:endParaRPr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2A87F75E-4505-4259-B3E4-3F8F1AE78636}"/>
              </a:ext>
            </a:extLst>
          </p:cNvPr>
          <p:cNvSpPr txBox="1">
            <a:spLocks/>
          </p:cNvSpPr>
          <p:nvPr/>
        </p:nvSpPr>
        <p:spPr>
          <a:xfrm>
            <a:off x="23619" y="5326748"/>
            <a:ext cx="6148581" cy="1462682"/>
          </a:xfrm>
          <a:prstGeom prst="rect">
            <a:avLst/>
          </a:prstGeom>
          <a:ln>
            <a:solidFill>
              <a:schemeClr val="accent1">
                <a:lumMod val="60000"/>
                <a:lumOff val="40000"/>
              </a:schemeClr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893" b="1" dirty="0">
                <a:cs typeface="Arial"/>
              </a:rPr>
              <a:t>Analyse:</a:t>
            </a:r>
            <a:endParaRPr lang="nl-NL" sz="893" dirty="0">
              <a:cs typeface="Arial"/>
            </a:endParaRP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1.Wachttijd lab</a:t>
            </a: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2. Veel opnames zelfde tijd</a:t>
            </a: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3. Veel dubbele werkzaamheden</a:t>
            </a:r>
          </a:p>
          <a:p>
            <a:pPr fontAlgn="auto">
              <a:spcAft>
                <a:spcPts val="0"/>
              </a:spcAft>
            </a:pPr>
            <a:r>
              <a:rPr lang="nl-NL" sz="893" dirty="0">
                <a:cs typeface="Arial"/>
              </a:rPr>
              <a:t>4. Geen standaard werkwijze </a:t>
            </a:r>
          </a:p>
          <a:p>
            <a:pPr marL="163289" indent="-163289" fontAlgn="auto">
              <a:spcAft>
                <a:spcPts val="0"/>
              </a:spcAft>
              <a:buAutoNum type="arabicPeriod"/>
            </a:pPr>
            <a:endParaRPr lang="en-US" sz="786" dirty="0">
              <a:cs typeface="Arial"/>
            </a:endParaRP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B007FB6E-61A1-4842-BADC-EABD9C02350C}"/>
              </a:ext>
            </a:extLst>
          </p:cNvPr>
          <p:cNvSpPr txBox="1">
            <a:spLocks/>
          </p:cNvSpPr>
          <p:nvPr/>
        </p:nvSpPr>
        <p:spPr>
          <a:xfrm>
            <a:off x="6251712" y="533014"/>
            <a:ext cx="5909333" cy="2023378"/>
          </a:xfrm>
          <a:prstGeom prst="rect">
            <a:avLst/>
          </a:prstGeom>
          <a:ln>
            <a:solidFill>
              <a:schemeClr val="accent1">
                <a:lumMod val="40000"/>
                <a:lumOff val="60000"/>
              </a:schemeClr>
            </a:solidFill>
          </a:ln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 fontScale="92500" lnSpcReduction="20000"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t"/>
            <a:r>
              <a:rPr lang="en-US" sz="900" b="1" dirty="0">
                <a:cs typeface="Arial"/>
              </a:rPr>
              <a:t>Tegenmaatregelen</a:t>
            </a:r>
            <a:r>
              <a:rPr lang="en-US" sz="900" b="1" dirty="0" smtClean="0">
                <a:cs typeface="Arial"/>
              </a:rPr>
              <a:t>:</a:t>
            </a:r>
          </a:p>
          <a:p>
            <a:pPr fontAlgn="t"/>
            <a:r>
              <a:rPr lang="en-US" sz="900" b="1" dirty="0" smtClean="0">
                <a:cs typeface="Arial"/>
              </a:rPr>
              <a:t/>
            </a:r>
            <a:br>
              <a:rPr lang="en-US" sz="900" b="1" dirty="0" smtClean="0">
                <a:cs typeface="Arial"/>
              </a:rPr>
            </a:br>
            <a:r>
              <a:rPr lang="en-US" sz="900" dirty="0" smtClean="0">
                <a:cs typeface="Arial"/>
              </a:rPr>
              <a:t>1</a:t>
            </a:r>
            <a:r>
              <a:rPr lang="en-US" sz="900" b="1" dirty="0">
                <a:cs typeface="Arial"/>
              </a:rPr>
              <a:t>. </a:t>
            </a:r>
            <a:r>
              <a:rPr lang="en-US" sz="900" dirty="0"/>
              <a:t>Invoeren </a:t>
            </a:r>
            <a:r>
              <a:rPr lang="en-US" sz="900" dirty="0" smtClean="0"/>
              <a:t>sneltest</a:t>
            </a:r>
            <a:br>
              <a:rPr lang="en-US" sz="900" dirty="0" smtClean="0"/>
            </a:br>
            <a:r>
              <a:rPr lang="en-US" sz="900" dirty="0"/>
              <a:t/>
            </a:r>
            <a:br>
              <a:rPr lang="en-US" sz="900" dirty="0"/>
            </a:br>
            <a:r>
              <a:rPr lang="en-US" sz="900" dirty="0" smtClean="0"/>
              <a:t>2. ECV programma naar de middag</a:t>
            </a:r>
            <a:r>
              <a:rPr lang="en-US" sz="900" dirty="0"/>
              <a:t/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3. </a:t>
            </a:r>
            <a:r>
              <a:rPr lang="en-US" sz="900" dirty="0"/>
              <a:t>Invoeren voor en nabespreking</a:t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4. Opnamesspreigin </a:t>
            </a:r>
            <a:br>
              <a:rPr lang="en-US" sz="900" dirty="0" smtClean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5. 2 kamersysteem</a:t>
            </a:r>
            <a:r>
              <a:rPr lang="en-US" sz="900" dirty="0"/>
              <a:t/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7. </a:t>
            </a:r>
            <a:r>
              <a:rPr lang="en-US" sz="900" dirty="0"/>
              <a:t>Opname en ECV combineren</a:t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8. </a:t>
            </a:r>
            <a:r>
              <a:rPr lang="en-US" sz="900" dirty="0"/>
              <a:t>Extra patient inplannen </a:t>
            </a:r>
            <a:r>
              <a:rPr lang="en-US" sz="900" dirty="0" smtClean="0"/>
              <a:t>FIFO (</a:t>
            </a:r>
            <a:r>
              <a:rPr lang="en-US" sz="900" dirty="0"/>
              <a:t>met geplande wachttijd)</a:t>
            </a:r>
            <a:br>
              <a:rPr lang="en-US" sz="900" dirty="0"/>
            </a:br>
            <a:r>
              <a:rPr lang="en-US" sz="900" dirty="0" smtClean="0"/>
              <a:t/>
            </a:r>
            <a:br>
              <a:rPr lang="en-US" sz="900" dirty="0" smtClean="0"/>
            </a:br>
            <a:r>
              <a:rPr lang="en-US" sz="900" dirty="0" smtClean="0"/>
              <a:t>9. </a:t>
            </a:r>
            <a:r>
              <a:rPr lang="en-US" sz="900" dirty="0"/>
              <a:t>Electieve ECV op dalmomenten </a:t>
            </a:r>
            <a:endParaRPr lang="en-US" sz="900" dirty="0" smtClean="0"/>
          </a:p>
          <a:p>
            <a:pPr fontAlgn="t"/>
            <a:r>
              <a:rPr lang="en-US" sz="900" dirty="0" smtClean="0">
                <a:cs typeface="Arial"/>
              </a:rPr>
              <a:t>10 extra sedatie inzet </a:t>
            </a:r>
            <a:endParaRPr lang="en-US" sz="900" dirty="0">
              <a:cs typeface="Arial"/>
            </a:endParaRPr>
          </a:p>
          <a:p>
            <a:pPr marL="163289" indent="-163289" fontAlgn="auto">
              <a:spcAft>
                <a:spcPts val="0"/>
              </a:spcAft>
              <a:buAutoNum type="arabicPeriod"/>
            </a:pPr>
            <a:endParaRPr lang="nl-NL" sz="750" b="1" dirty="0">
              <a:cs typeface="Arial"/>
            </a:endParaRPr>
          </a:p>
          <a:p>
            <a:pPr marL="244933" indent="-244933" fontAlgn="auto">
              <a:spcAft>
                <a:spcPts val="0"/>
              </a:spcAft>
              <a:buAutoNum type="arabicPeriod"/>
            </a:pPr>
            <a:endParaRPr lang="en-US" sz="750" dirty="0">
              <a:cs typeface="Arial"/>
            </a:endParaRPr>
          </a:p>
        </p:txBody>
      </p:sp>
      <p:pic>
        <p:nvPicPr>
          <p:cNvPr id="5" name="Afbeelding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66122" y="5361297"/>
            <a:ext cx="2908179" cy="1418526"/>
          </a:xfrm>
          <a:prstGeom prst="rect">
            <a:avLst/>
          </a:prstGeom>
        </p:spPr>
      </p:pic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BCF81E62-F976-4CB7-BF11-5140E8F15030}"/>
              </a:ext>
            </a:extLst>
          </p:cNvPr>
          <p:cNvSpPr txBox="1">
            <a:spLocks/>
          </p:cNvSpPr>
          <p:nvPr/>
        </p:nvSpPr>
        <p:spPr>
          <a:xfrm>
            <a:off x="6251712" y="2602274"/>
            <a:ext cx="5900667" cy="2092827"/>
          </a:xfrm>
          <a:prstGeom prst="rect">
            <a:avLst/>
          </a:prstGeom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auto">
              <a:spcAft>
                <a:spcPts val="0"/>
              </a:spcAft>
            </a:pPr>
            <a:r>
              <a:rPr lang="en-US" sz="900" b="1" dirty="0">
                <a:cs typeface="Arial"/>
              </a:rPr>
              <a:t>Implementatieplan:</a:t>
            </a:r>
            <a:br>
              <a:rPr lang="en-US" sz="900" b="1" dirty="0">
                <a:cs typeface="Arial"/>
              </a:rPr>
            </a:br>
            <a:r>
              <a:rPr lang="en-US" sz="900" b="1" dirty="0">
                <a:cs typeface="Arial"/>
              </a:rPr>
              <a:t/>
            </a:r>
            <a:br>
              <a:rPr lang="en-US" sz="900" b="1" dirty="0">
                <a:cs typeface="Arial"/>
              </a:rPr>
            </a:br>
            <a:r>
              <a:rPr lang="en-US" sz="800" dirty="0">
                <a:cs typeface="Arial"/>
              </a:rPr>
              <a:t>1</a:t>
            </a:r>
            <a:r>
              <a:rPr lang="en-US" sz="800" b="1" dirty="0">
                <a:cs typeface="Arial"/>
              </a:rPr>
              <a:t>. </a:t>
            </a:r>
            <a:r>
              <a:rPr lang="en-US" sz="800" dirty="0"/>
              <a:t>Invoeren </a:t>
            </a:r>
            <a:r>
              <a:rPr lang="en-US" sz="800" dirty="0" smtClean="0"/>
              <a:t>sneltest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3. Invoeren voor en </a:t>
            </a: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 smtClean="0"/>
              <a:t>nabespreking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7. Opname en ECV </a:t>
            </a: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 smtClean="0"/>
              <a:t>combineren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8. Extra patient inplannen FIFO</a:t>
            </a:r>
            <a:br>
              <a:rPr lang="en-US" sz="800" dirty="0"/>
            </a:br>
            <a:r>
              <a:rPr lang="en-US" sz="800" dirty="0"/>
              <a:t>(met geplande wachttijd</a:t>
            </a:r>
            <a:r>
              <a:rPr lang="en-US" sz="800" dirty="0" smtClean="0"/>
              <a:t>)</a:t>
            </a:r>
            <a:br>
              <a:rPr lang="en-US" sz="800" dirty="0" smtClean="0"/>
            </a:b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/>
              <a:t>9. Electieve ECV op </a:t>
            </a:r>
            <a:r>
              <a:rPr lang="en-US" sz="800" dirty="0" smtClean="0"/>
              <a:t/>
            </a:r>
            <a:br>
              <a:rPr lang="en-US" sz="800" dirty="0" smtClean="0"/>
            </a:br>
            <a:r>
              <a:rPr lang="en-US" sz="800" dirty="0" smtClean="0"/>
              <a:t>dalmomenten </a:t>
            </a:r>
            <a:endParaRPr lang="en-US" sz="800" b="1" dirty="0">
              <a:cs typeface="Arial"/>
            </a:endParaRPr>
          </a:p>
          <a:p>
            <a:pPr fontAlgn="auto">
              <a:spcAft>
                <a:spcPts val="0"/>
              </a:spcAft>
            </a:pPr>
            <a:endParaRPr lang="en-US" sz="900" b="1" dirty="0">
              <a:cs typeface="Arial"/>
            </a:endParaRPr>
          </a:p>
          <a:p>
            <a:pPr fontAlgn="auto">
              <a:spcAft>
                <a:spcPts val="0"/>
              </a:spcAft>
            </a:pPr>
            <a:endParaRPr lang="en-US" sz="900" dirty="0">
              <a:cs typeface="Arial"/>
            </a:endParaRPr>
          </a:p>
        </p:txBody>
      </p:sp>
      <p:sp>
        <p:nvSpPr>
          <p:cNvPr id="15" name="Content Placeholder 3">
            <a:extLst>
              <a:ext uri="{FF2B5EF4-FFF2-40B4-BE49-F238E27FC236}">
                <a16:creationId xmlns:a16="http://schemas.microsoft.com/office/drawing/2014/main" id="{31FA6401-9482-4F7B-821F-FB01A1C41C15}"/>
              </a:ext>
            </a:extLst>
          </p:cNvPr>
          <p:cNvSpPr txBox="1">
            <a:spLocks/>
          </p:cNvSpPr>
          <p:nvPr/>
        </p:nvSpPr>
        <p:spPr>
          <a:xfrm>
            <a:off x="6251712" y="4740983"/>
            <a:ext cx="5909334" cy="2070494"/>
          </a:xfrm>
          <a:prstGeom prst="rect">
            <a:avLst/>
          </a:prstGeom>
        </p:spPr>
        <p:style>
          <a:lnRef idx="2">
            <a:schemeClr val="accent4"/>
          </a:lnRef>
          <a:fillRef idx="1">
            <a:schemeClr val="lt1"/>
          </a:fillRef>
          <a:effectRef idx="0">
            <a:schemeClr val="accent4"/>
          </a:effectRef>
          <a:fontRef idx="minor">
            <a:schemeClr val="dk1"/>
          </a:fontRef>
        </p:style>
        <p:txBody>
          <a:bodyPr vert="horz" lIns="91426" tIns="45713" rIns="91426" bIns="45713" rtlCol="0" anchor="t">
            <a:normAutofit/>
          </a:bodyPr>
          <a:lstStyle>
            <a:lvl1pPr marL="0" indent="0" algn="l" defTabSz="685697" rtl="0" eaLnBrk="1" latinLnBrk="0" hangingPunct="1">
              <a:lnSpc>
                <a:spcPct val="90000"/>
              </a:lnSpc>
              <a:spcBef>
                <a:spcPts val="750"/>
              </a:spcBef>
              <a:buFont typeface="Arial" charset="0"/>
              <a:buNone/>
              <a:defRPr sz="140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1pPr>
            <a:lvl2pPr marL="628556" indent="-285707" algn="l" defTabSz="685697" rtl="0" eaLnBrk="1" latinLnBrk="0" hangingPunct="1">
              <a:lnSpc>
                <a:spcPct val="90000"/>
              </a:lnSpc>
              <a:spcBef>
                <a:spcPts val="375"/>
              </a:spcBef>
              <a:buClr>
                <a:srgbClr val="86D2EE"/>
              </a:buClr>
              <a:buFont typeface="Wingdings" charset="2"/>
              <a:buChar char="§"/>
              <a:defRPr sz="1400" i="0" kern="1200">
                <a:solidFill>
                  <a:schemeClr val="dk1"/>
                </a:solidFill>
                <a:latin typeface="+mn-lt"/>
                <a:ea typeface="+mn-ea"/>
                <a:cs typeface="+mn-cs"/>
              </a:defRPr>
            </a:lvl2pPr>
            <a:lvl3pPr marL="1028545" indent="-34285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Char char="•"/>
              <a:defRPr sz="1200" b="0" i="0" kern="1200">
                <a:solidFill>
                  <a:srgbClr val="0C2074"/>
                </a:solidFill>
                <a:latin typeface="+mn-lt"/>
                <a:ea typeface="Arial" charset="0"/>
                <a:cs typeface="Arial" charset="0"/>
              </a:defRPr>
            </a:lvl3pPr>
            <a:lvl4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 charset="0"/>
              <a:buNone/>
              <a:tabLst/>
              <a:defRPr sz="1400" b="0" i="0" kern="1200" spc="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4pPr>
            <a:lvl5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5pPr>
            <a:lvl6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6pPr>
            <a:lvl7pPr marL="7938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7pPr>
            <a:lvl8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8pPr>
            <a:lvl9pPr marL="0" indent="0" algn="l" defTabSz="685697" rtl="0" eaLnBrk="1" latinLnBrk="0" hangingPunct="1">
              <a:lnSpc>
                <a:spcPct val="90000"/>
              </a:lnSpc>
              <a:spcBef>
                <a:spcPts val="375"/>
              </a:spcBef>
              <a:buFont typeface="Arial"/>
              <a:buNone/>
              <a:tabLst/>
              <a:defRPr sz="1400" kern="1200">
                <a:solidFill>
                  <a:srgbClr val="0C2074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</a:pPr>
            <a:r>
              <a:rPr lang="en-US" sz="900" b="1" dirty="0">
                <a:cs typeface="Arial"/>
              </a:rPr>
              <a:t>Testen, leren, borgen:</a:t>
            </a:r>
            <a:endParaRPr lang="en-US" sz="1200" b="1" dirty="0">
              <a:cs typeface="Arial"/>
            </a:endParaRPr>
          </a:p>
        </p:txBody>
      </p:sp>
      <p:graphicFrame>
        <p:nvGraphicFramePr>
          <p:cNvPr id="17" name="Table 17">
            <a:extLst>
              <a:ext uri="{FF2B5EF4-FFF2-40B4-BE49-F238E27FC236}">
                <a16:creationId xmlns:a16="http://schemas.microsoft.com/office/drawing/2014/main" id="{6B3C627C-3973-400F-958D-14104C29C09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36058144"/>
              </p:ext>
            </p:extLst>
          </p:nvPr>
        </p:nvGraphicFramePr>
        <p:xfrm>
          <a:off x="7834403" y="69536"/>
          <a:ext cx="2679694" cy="417597"/>
        </p:xfrm>
        <a:graphic>
          <a:graphicData uri="http://schemas.openxmlformats.org/drawingml/2006/table">
            <a:tbl>
              <a:tblPr firstRow="1" bandRow="1">
                <a:tableStyleId>{8799B23B-EC83-4686-B30A-512413B5E67A}</a:tableStyleId>
              </a:tblPr>
              <a:tblGrid>
                <a:gridCol w="1339847">
                  <a:extLst>
                    <a:ext uri="{9D8B030D-6E8A-4147-A177-3AD203B41FA5}">
                      <a16:colId xmlns:a16="http://schemas.microsoft.com/office/drawing/2014/main" val="2723251287"/>
                    </a:ext>
                  </a:extLst>
                </a:gridCol>
                <a:gridCol w="1339847">
                  <a:extLst>
                    <a:ext uri="{9D8B030D-6E8A-4147-A177-3AD203B41FA5}">
                      <a16:colId xmlns:a16="http://schemas.microsoft.com/office/drawing/2014/main" val="3119938649"/>
                    </a:ext>
                  </a:extLst>
                </a:gridCol>
              </a:tblGrid>
              <a:tr h="217300">
                <a:tc>
                  <a:txBody>
                    <a:bodyPr/>
                    <a:lstStyle/>
                    <a:p>
                      <a:r>
                        <a:rPr lang="en-US" sz="700" dirty="0"/>
                        <a:t>Naam Green Belt: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700" dirty="0"/>
                        <a:t>Versie / Datum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88774237"/>
                  </a:ext>
                </a:extLst>
              </a:tr>
              <a:tr h="200297">
                <a:tc>
                  <a:txBody>
                    <a:bodyPr/>
                    <a:lstStyle/>
                    <a:p>
                      <a:r>
                        <a:rPr lang="en-US" sz="700" dirty="0" smtClean="0"/>
                        <a:t>Koen van</a:t>
                      </a:r>
                      <a:r>
                        <a:rPr lang="en-US" sz="700" baseline="0" dirty="0" smtClean="0"/>
                        <a:t> der Meer </a:t>
                      </a:r>
                      <a:endParaRPr lang="en-US" sz="7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700" dirty="0"/>
                        <a:t>Versie </a:t>
                      </a:r>
                      <a:r>
                        <a:rPr lang="en-US" sz="700" dirty="0" smtClean="0"/>
                        <a:t>3 </a:t>
                      </a:r>
                      <a:r>
                        <a:rPr lang="en-US" sz="700" dirty="0"/>
                        <a:t>/ </a:t>
                      </a:r>
                      <a:r>
                        <a:rPr lang="en-US" sz="700" dirty="0" smtClean="0"/>
                        <a:t>30-10-2023</a:t>
                      </a:r>
                      <a:endParaRPr lang="en-US" sz="7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8373431"/>
                  </a:ext>
                </a:extLst>
              </a:tr>
            </a:tbl>
          </a:graphicData>
        </a:graphic>
      </p:graphicFrame>
      <p:pic>
        <p:nvPicPr>
          <p:cNvPr id="20" name="Afbeelding 19"/>
          <p:cNvPicPr>
            <a:picLocks noChangeAspect="1"/>
          </p:cNvPicPr>
          <p:nvPr/>
        </p:nvPicPr>
        <p:blipFill rotWithShape="1">
          <a:blip r:embed="rId3"/>
          <a:srcRect l="11940" t="11687" r="9879" b="11707"/>
          <a:stretch/>
        </p:blipFill>
        <p:spPr>
          <a:xfrm>
            <a:off x="5040291" y="561287"/>
            <a:ext cx="1052711" cy="773621"/>
          </a:xfrm>
          <a:prstGeom prst="rect">
            <a:avLst/>
          </a:prstGeom>
        </p:spPr>
      </p:pic>
      <p:pic>
        <p:nvPicPr>
          <p:cNvPr id="21" name="Afbeelding 20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19348" y="4097630"/>
            <a:ext cx="4353554" cy="480145"/>
          </a:xfrm>
          <a:prstGeom prst="rect">
            <a:avLst/>
          </a:prstGeom>
        </p:spPr>
      </p:pic>
      <p:pic>
        <p:nvPicPr>
          <p:cNvPr id="11" name="Afbeelding 10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021984" y="1877060"/>
            <a:ext cx="789214" cy="585107"/>
          </a:xfrm>
          <a:prstGeom prst="rect">
            <a:avLst/>
          </a:prstGeom>
        </p:spPr>
      </p:pic>
      <p:pic>
        <p:nvPicPr>
          <p:cNvPr id="10" name="Afbeelding 9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738888" y="1520239"/>
            <a:ext cx="1422245" cy="1274479"/>
          </a:xfrm>
          <a:prstGeom prst="rect">
            <a:avLst/>
          </a:prstGeom>
        </p:spPr>
      </p:pic>
      <p:pic>
        <p:nvPicPr>
          <p:cNvPr id="32" name="Afbeelding 31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778840" y="4796774"/>
            <a:ext cx="2921219" cy="598232"/>
          </a:xfrm>
          <a:prstGeom prst="rect">
            <a:avLst/>
          </a:prstGeom>
        </p:spPr>
      </p:pic>
      <p:pic>
        <p:nvPicPr>
          <p:cNvPr id="14" name="Afbeelding 13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063303" y="5384740"/>
            <a:ext cx="2909776" cy="1250499"/>
          </a:xfrm>
          <a:prstGeom prst="rect">
            <a:avLst/>
          </a:prstGeom>
        </p:spPr>
      </p:pic>
      <p:pic>
        <p:nvPicPr>
          <p:cNvPr id="22" name="Picture 2" descr="d8360035-7e25-4589-90d5-a0d34e4bfda1@eurprd04"/>
          <p:cNvPicPr>
            <a:picLocks noChangeAspect="1" noChangeArrowheads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6317853" y="5384740"/>
            <a:ext cx="1815814" cy="13950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29" name="Afbeelding 28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10739815" y="4803512"/>
            <a:ext cx="1421231" cy="1976310"/>
          </a:xfrm>
          <a:prstGeom prst="rect">
            <a:avLst/>
          </a:prstGeom>
        </p:spPr>
      </p:pic>
      <p:pic>
        <p:nvPicPr>
          <p:cNvPr id="26" name="Picture 2" descr="a08d084c-5347-42d8-a384-15d4006062df@eurprd04"/>
          <p:cNvPicPr>
            <a:picLocks noChangeAspect="1" noChangeArrowheads="1"/>
          </p:cNvPicPr>
          <p:nvPr/>
        </p:nvPicPr>
        <p:blipFill rotWithShape="1"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568634" y="2516975"/>
            <a:ext cx="2077415" cy="154610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0" name="Rechthoek 29"/>
          <p:cNvSpPr/>
          <p:nvPr/>
        </p:nvSpPr>
        <p:spPr>
          <a:xfrm>
            <a:off x="4274031" y="3354128"/>
            <a:ext cx="1838782" cy="480145"/>
          </a:xfrm>
          <a:prstGeom prst="rect">
            <a:avLst/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900" dirty="0" smtClean="0">
                <a:solidFill>
                  <a:schemeClr val="tx2"/>
                </a:solidFill>
              </a:rPr>
              <a:t>Minimale wachttijd 101 minuten </a:t>
            </a:r>
          </a:p>
          <a:p>
            <a:pPr algn="ctr"/>
            <a:r>
              <a:rPr lang="en-US" sz="900" dirty="0" smtClean="0">
                <a:solidFill>
                  <a:schemeClr val="tx2"/>
                </a:solidFill>
              </a:rPr>
              <a:t>Maximale wachttijd 230 minuten </a:t>
            </a:r>
          </a:p>
          <a:p>
            <a:pPr algn="ctr"/>
            <a:r>
              <a:rPr lang="en-US" sz="900" b="1" dirty="0" smtClean="0">
                <a:solidFill>
                  <a:schemeClr val="tx2"/>
                </a:solidFill>
              </a:rPr>
              <a:t>Mean wachttijd 141 minuten </a:t>
            </a:r>
            <a:endParaRPr lang="en-US" sz="900" b="1" dirty="0">
              <a:solidFill>
                <a:schemeClr val="tx2"/>
              </a:solidFill>
            </a:endParaRPr>
          </a:p>
        </p:txBody>
      </p:sp>
      <p:pic>
        <p:nvPicPr>
          <p:cNvPr id="25" name="Afbeelding 24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99343" y="2504512"/>
            <a:ext cx="2194722" cy="1558570"/>
          </a:xfrm>
          <a:prstGeom prst="rect">
            <a:avLst/>
          </a:prstGeom>
        </p:spPr>
      </p:pic>
      <p:pic>
        <p:nvPicPr>
          <p:cNvPr id="31" name="Afbeelding 30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8935278" y="566143"/>
            <a:ext cx="3204096" cy="1955850"/>
          </a:xfrm>
          <a:prstGeom prst="rect">
            <a:avLst/>
          </a:prstGeom>
        </p:spPr>
      </p:pic>
      <p:pic>
        <p:nvPicPr>
          <p:cNvPr id="33" name="Afbeelding 32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7594372" y="2640005"/>
            <a:ext cx="3463261" cy="2009603"/>
          </a:xfrm>
          <a:prstGeom prst="rect">
            <a:avLst/>
          </a:prstGeom>
        </p:spPr>
      </p:pic>
      <p:pic>
        <p:nvPicPr>
          <p:cNvPr id="34" name="Afbeelding 33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11145296" y="2641481"/>
            <a:ext cx="919420" cy="2030687"/>
          </a:xfrm>
          <a:prstGeom prst="rect">
            <a:avLst/>
          </a:prstGeom>
        </p:spPr>
      </p:pic>
      <p:sp>
        <p:nvSpPr>
          <p:cNvPr id="16" name="Rechthoek 15"/>
          <p:cNvSpPr/>
          <p:nvPr/>
        </p:nvSpPr>
        <p:spPr>
          <a:xfrm>
            <a:off x="6317852" y="4912822"/>
            <a:ext cx="1381475" cy="413926"/>
          </a:xfrm>
          <a:prstGeom prst="rect">
            <a:avLst/>
          </a:prstGeom>
          <a:solidFill>
            <a:srgbClr val="FFC000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800" dirty="0" smtClean="0"/>
          </a:p>
          <a:p>
            <a:pPr algn="ctr"/>
            <a:endParaRPr lang="en-US" sz="800" dirty="0">
              <a:solidFill>
                <a:schemeClr val="tx2"/>
              </a:solidFill>
            </a:endParaRPr>
          </a:p>
          <a:p>
            <a:pPr algn="ctr"/>
            <a:r>
              <a:rPr lang="en-US" sz="800" dirty="0" smtClean="0">
                <a:solidFill>
                  <a:schemeClr val="tx2"/>
                </a:solidFill>
              </a:rPr>
              <a:t>Mean Wachttijd &lt;7min</a:t>
            </a:r>
          </a:p>
          <a:p>
            <a:pPr algn="ctr"/>
            <a:r>
              <a:rPr lang="en-US" sz="800" dirty="0" smtClean="0">
                <a:solidFill>
                  <a:schemeClr val="tx2"/>
                </a:solidFill>
              </a:rPr>
              <a:t>Transport verminderd (-4)</a:t>
            </a:r>
          </a:p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1765886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Processtroom</a:t>
            </a:r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Huidige situatie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8" name="Picture 2" descr="2326acc4-37df-4e6f-9cc5-c543a140326c@eurprd04"/>
          <p:cNvPicPr>
            <a:picLocks noGrp="1" noChangeAspect="1" noChangeArrowheads="1"/>
          </p:cNvPicPr>
          <p:nvPr>
            <p:ph idx="1"/>
          </p:nvPr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 rot="10800000">
            <a:off x="631825" y="1666261"/>
            <a:ext cx="10950767" cy="416364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31682439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Processtroom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Huidige situatie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8" name="Picture 2" descr="800a50df-3851-4212-9e7f-7dfa928f2254@eurprd04"/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 rot="10800000">
            <a:off x="2272146" y="1246723"/>
            <a:ext cx="7647709" cy="523632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48423046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Klantwaarde-model </a:t>
            </a:r>
            <a:r>
              <a:rPr lang="nl-NL" dirty="0"/>
              <a:t>nav gesprekken met </a:t>
            </a:r>
            <a:r>
              <a:rPr lang="nl-NL" dirty="0" smtClean="0"/>
              <a:t>patiënten </a:t>
            </a:r>
            <a:endParaRPr lang="en-US" dirty="0"/>
          </a:p>
        </p:txBody>
      </p:sp>
      <p:graphicFrame>
        <p:nvGraphicFramePr>
          <p:cNvPr id="8" name="Tijdelijke aanduiding voor inhoud 7"/>
          <p:cNvGraphicFramePr>
            <a:graphicFrameLocks noGrp="1"/>
          </p:cNvGraphicFramePr>
          <p:nvPr>
            <p:ph idx="1"/>
            <p:extLst/>
          </p:nvPr>
        </p:nvGraphicFramePr>
        <p:xfrm>
          <a:off x="631825" y="1825625"/>
          <a:ext cx="10209213" cy="403225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/>
              <a:t>Huidige situatie 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9" name="Tekstvak 8"/>
          <p:cNvSpPr txBox="1"/>
          <p:nvPr/>
        </p:nvSpPr>
        <p:spPr>
          <a:xfrm>
            <a:off x="631825" y="1212029"/>
            <a:ext cx="930531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en-US" sz="2400" b="1" i="0" dirty="0" smtClean="0">
                <a:solidFill>
                  <a:schemeClr val="accent1"/>
                </a:solidFill>
                <a:ea typeface="Arial" charset="0"/>
                <a:cs typeface="Arial" charset="0"/>
              </a:rPr>
              <a:t>VOC</a:t>
            </a:r>
          </a:p>
        </p:txBody>
      </p:sp>
      <p:sp>
        <p:nvSpPr>
          <p:cNvPr id="11" name="Tekstvak 10"/>
          <p:cNvSpPr txBox="1"/>
          <p:nvPr/>
        </p:nvSpPr>
        <p:spPr>
          <a:xfrm>
            <a:off x="2086495" y="1212029"/>
            <a:ext cx="748145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en-US" sz="2400" b="1" i="0" dirty="0" smtClean="0">
                <a:solidFill>
                  <a:schemeClr val="accent1"/>
                </a:solidFill>
                <a:ea typeface="Arial" charset="0"/>
                <a:cs typeface="Arial" charset="0"/>
              </a:rPr>
              <a:t>CTC</a:t>
            </a:r>
          </a:p>
        </p:txBody>
      </p:sp>
      <p:sp>
        <p:nvSpPr>
          <p:cNvPr id="12" name="Tekstvak 11"/>
          <p:cNvSpPr txBox="1"/>
          <p:nvPr/>
        </p:nvSpPr>
        <p:spPr>
          <a:xfrm>
            <a:off x="4763193" y="1212029"/>
            <a:ext cx="739832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en-US" sz="2400" b="1" i="0" dirty="0" smtClean="0">
                <a:solidFill>
                  <a:schemeClr val="accent1"/>
                </a:solidFill>
                <a:ea typeface="Arial" charset="0"/>
                <a:cs typeface="Arial" charset="0"/>
              </a:rPr>
              <a:t>CTQ</a:t>
            </a:r>
          </a:p>
        </p:txBody>
      </p:sp>
    </p:spTree>
    <p:extLst>
      <p:ext uri="{BB962C8B-B14F-4D97-AF65-F5344CB8AC3E}">
        <p14:creationId xmlns:p14="http://schemas.microsoft.com/office/powerpoint/2010/main" val="244984124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VSM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074588" y="1574508"/>
            <a:ext cx="10209212" cy="403225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Huidige situatie	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8" name="Picture 2" descr="785e6613-6ce4-43fb-903d-74c049950a7e@eurprd04"/>
          <p:cNvPicPr>
            <a:picLocks noChangeAspect="1" noChangeArrowheads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301129" y="1280096"/>
            <a:ext cx="7589743" cy="540300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" name="Explosie 1 8"/>
          <p:cNvSpPr/>
          <p:nvPr/>
        </p:nvSpPr>
        <p:spPr>
          <a:xfrm>
            <a:off x="7335078" y="3240157"/>
            <a:ext cx="4846863" cy="3442944"/>
          </a:xfrm>
          <a:prstGeom prst="irregularSeal1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 sz="1400" dirty="0" smtClean="0"/>
          </a:p>
          <a:p>
            <a:pPr algn="ctr"/>
            <a:r>
              <a:rPr lang="nl-NL" sz="1400" dirty="0" smtClean="0"/>
              <a:t>Minimale </a:t>
            </a:r>
            <a:r>
              <a:rPr lang="nl-NL" sz="1400" dirty="0"/>
              <a:t>wachttijd 101 minuten </a:t>
            </a:r>
          </a:p>
          <a:p>
            <a:pPr algn="ctr"/>
            <a:r>
              <a:rPr lang="nl-NL" sz="1400" dirty="0"/>
              <a:t>Maximale wachttijd 230 minuten </a:t>
            </a:r>
          </a:p>
          <a:p>
            <a:pPr algn="ctr"/>
            <a:r>
              <a:rPr lang="nl-NL" sz="1400" dirty="0"/>
              <a:t>Mean wachttijd 141 minuten </a:t>
            </a:r>
          </a:p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778001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Woonboot </a:t>
            </a:r>
            <a:endParaRPr lang="en-US" dirty="0"/>
          </a:p>
        </p:txBody>
      </p:sp>
      <p:graphicFrame>
        <p:nvGraphicFramePr>
          <p:cNvPr id="9" name="Content Placeholder 8"/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382124752"/>
              </p:ext>
            </p:extLst>
          </p:nvPr>
        </p:nvGraphicFramePr>
        <p:xfrm>
          <a:off x="623437" y="1825625"/>
          <a:ext cx="5112993" cy="467868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704331">
                  <a:extLst>
                    <a:ext uri="{9D8B030D-6E8A-4147-A177-3AD203B41FA5}">
                      <a16:colId xmlns:a16="http://schemas.microsoft.com/office/drawing/2014/main" val="2541252291"/>
                    </a:ext>
                  </a:extLst>
                </a:gridCol>
                <a:gridCol w="1704331">
                  <a:extLst>
                    <a:ext uri="{9D8B030D-6E8A-4147-A177-3AD203B41FA5}">
                      <a16:colId xmlns:a16="http://schemas.microsoft.com/office/drawing/2014/main" val="1820171590"/>
                    </a:ext>
                  </a:extLst>
                </a:gridCol>
                <a:gridCol w="1704331">
                  <a:extLst>
                    <a:ext uri="{9D8B030D-6E8A-4147-A177-3AD203B41FA5}">
                      <a16:colId xmlns:a16="http://schemas.microsoft.com/office/drawing/2014/main" val="3912475370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Opname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ECV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Woonboot </a:t>
                      </a:r>
                      <a:endParaRPr lang="en-US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627192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Aanwezig Kliniek/Vpk,</a:t>
                      </a:r>
                      <a:r>
                        <a:rPr lang="nl-NL" sz="1400" baseline="0" dirty="0" smtClean="0"/>
                        <a:t> VS, Sed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Aanwezig Vpk,</a:t>
                      </a:r>
                      <a:r>
                        <a:rPr lang="nl-NL" sz="1400" baseline="0" dirty="0" smtClean="0"/>
                        <a:t> VS, Sed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1435744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Uitkleden patient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Uitkleden patiënt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>
                          <a:solidFill>
                            <a:srgbClr val="FF0000"/>
                          </a:solidFill>
                        </a:rPr>
                        <a:t>Overbewerking</a:t>
                      </a:r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1721155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ECG</a:t>
                      </a:r>
                      <a:r>
                        <a:rPr lang="nl-NL" sz="1400" baseline="0" dirty="0" smtClean="0"/>
                        <a:t> aansluite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ECG aansluite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>
                          <a:solidFill>
                            <a:srgbClr val="FF0000"/>
                          </a:solidFill>
                        </a:rPr>
                        <a:t>Overbewerking</a:t>
                      </a:r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1049070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Infuus prikken 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Infuus controleren (nieuw infuus plaatsen) 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>
                          <a:solidFill>
                            <a:srgbClr val="FF0000"/>
                          </a:solidFill>
                        </a:rPr>
                        <a:t>Overbewerking</a:t>
                      </a:r>
                    </a:p>
                    <a:p>
                      <a:r>
                        <a:rPr lang="nl-NL" sz="1400" dirty="0" smtClean="0"/>
                        <a:t>Evt wachten</a:t>
                      </a:r>
                    </a:p>
                    <a:p>
                      <a:r>
                        <a:rPr lang="nl-NL" sz="1400" dirty="0" smtClean="0"/>
                        <a:t>Evt Overproductie</a:t>
                      </a:r>
                    </a:p>
                    <a:p>
                      <a:r>
                        <a:rPr lang="nl-NL" sz="1400" dirty="0" smtClean="0"/>
                        <a:t>Evt</a:t>
                      </a:r>
                      <a:r>
                        <a:rPr lang="nl-NL" sz="1400" baseline="0" dirty="0" smtClean="0"/>
                        <a:t> </a:t>
                      </a:r>
                      <a:r>
                        <a:rPr lang="nl-NL" sz="1400" dirty="0" smtClean="0"/>
                        <a:t>Niet in 1 keer goed </a:t>
                      </a:r>
                      <a:endParaRPr lang="en-US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2902755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Metingen verrichte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nl-NL" sz="1400" dirty="0" smtClean="0"/>
                        <a:t>Metingen verrichten</a:t>
                      </a:r>
                      <a:endParaRPr lang="en-US" sz="1400" dirty="0" smtClean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>
                          <a:solidFill>
                            <a:srgbClr val="FF0000"/>
                          </a:solidFill>
                        </a:rPr>
                        <a:t>Overbewerking</a:t>
                      </a:r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5659054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Lab afname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Lab controleren  (wachten, evt nieuwe afname)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>
                          <a:solidFill>
                            <a:srgbClr val="FF0000"/>
                          </a:solidFill>
                        </a:rPr>
                        <a:t>Overbewerking</a:t>
                      </a:r>
                    </a:p>
                    <a:p>
                      <a:r>
                        <a:rPr lang="nl-NL" sz="1400" dirty="0" smtClean="0"/>
                        <a:t>Evt wachten</a:t>
                      </a:r>
                    </a:p>
                    <a:p>
                      <a:r>
                        <a:rPr lang="nl-NL" sz="1400" dirty="0" smtClean="0"/>
                        <a:t>Evt Overproductie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nl-NL" sz="1400" dirty="0" smtClean="0"/>
                        <a:t>Evt</a:t>
                      </a:r>
                      <a:r>
                        <a:rPr lang="nl-NL" sz="1400" baseline="0" dirty="0" smtClean="0"/>
                        <a:t> </a:t>
                      </a:r>
                      <a:r>
                        <a:rPr lang="nl-NL" sz="1400" dirty="0" smtClean="0"/>
                        <a:t>Niet in 1 keer goed </a:t>
                      </a:r>
                      <a:endParaRPr lang="en-US" sz="1400" dirty="0" smtClean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45713885"/>
                  </a:ext>
                </a:extLst>
              </a:tr>
            </a:tbl>
          </a:graphicData>
        </a:graphic>
      </p:graphicFrame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Huidige situatie 	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7</a:t>
            </a:fld>
            <a:endParaRPr lang="en-GB" dirty="0"/>
          </a:p>
        </p:txBody>
      </p:sp>
      <p:graphicFrame>
        <p:nvGraphicFramePr>
          <p:cNvPr id="8" name="Content Placeholder 7"/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172224468"/>
              </p:ext>
            </p:extLst>
          </p:nvPr>
        </p:nvGraphicFramePr>
        <p:xfrm>
          <a:off x="5909482" y="1825625"/>
          <a:ext cx="5104608" cy="4521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701536">
                  <a:extLst>
                    <a:ext uri="{9D8B030D-6E8A-4147-A177-3AD203B41FA5}">
                      <a16:colId xmlns:a16="http://schemas.microsoft.com/office/drawing/2014/main" val="2641024453"/>
                    </a:ext>
                  </a:extLst>
                </a:gridCol>
                <a:gridCol w="1701536">
                  <a:extLst>
                    <a:ext uri="{9D8B030D-6E8A-4147-A177-3AD203B41FA5}">
                      <a16:colId xmlns:a16="http://schemas.microsoft.com/office/drawing/2014/main" val="2854652577"/>
                    </a:ext>
                  </a:extLst>
                </a:gridCol>
                <a:gridCol w="1701536">
                  <a:extLst>
                    <a:ext uri="{9D8B030D-6E8A-4147-A177-3AD203B41FA5}">
                      <a16:colId xmlns:a16="http://schemas.microsoft.com/office/drawing/2014/main" val="181022441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Opname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ECV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Woonboot </a:t>
                      </a:r>
                      <a:endParaRPr lang="en-US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1172322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Medicatie</a:t>
                      </a:r>
                      <a:r>
                        <a:rPr lang="nl-NL" sz="1400" baseline="0" dirty="0" smtClean="0"/>
                        <a:t> uitvrage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Medicatie uitvrage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Overbewerking</a:t>
                      </a:r>
                      <a:endParaRPr lang="en-US" sz="14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9185498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Allergie uitvrage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Allergie uitvrage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>
                          <a:solidFill>
                            <a:srgbClr val="FF0000"/>
                          </a:solidFill>
                        </a:rPr>
                        <a:t>Overbewerking</a:t>
                      </a:r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1527220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Nuchter controlere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Nuchter controleren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>
                          <a:solidFill>
                            <a:srgbClr val="FF0000"/>
                          </a:solidFill>
                        </a:rPr>
                        <a:t>Overbewerking</a:t>
                      </a:r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582141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Anamnese</a:t>
                      </a:r>
                      <a:r>
                        <a:rPr lang="nl-NL" sz="1400" baseline="0" dirty="0" smtClean="0"/>
                        <a:t> / Scores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Anamnese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>
                          <a:solidFill>
                            <a:srgbClr val="FF0000"/>
                          </a:solidFill>
                        </a:rPr>
                        <a:t>Overbewerking</a:t>
                      </a:r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918845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Informed consent 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384249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Sedatie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0001653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Cardioversie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243187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Nabewaking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3226244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Aankleden patiënt 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/>
                        <a:t>Aankleden patiënt</a:t>
                      </a:r>
                      <a:r>
                        <a:rPr lang="nl-NL" sz="1400" baseline="0" dirty="0" smtClean="0"/>
                        <a:t> </a:t>
                      </a:r>
                      <a:endParaRPr lang="en-US" sz="14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dirty="0" smtClean="0">
                          <a:solidFill>
                            <a:srgbClr val="FF0000"/>
                          </a:solidFill>
                        </a:rPr>
                        <a:t>Overbewerking</a:t>
                      </a:r>
                      <a:endParaRPr lang="en-US" sz="1400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6573679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sz="1400" b="1" dirty="0" smtClean="0"/>
                        <a:t>Duur 21min</a:t>
                      </a:r>
                      <a:endParaRPr lang="en-US" sz="14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sz="1400" b="1" dirty="0" smtClean="0"/>
                        <a:t>Duur 15min</a:t>
                      </a:r>
                      <a:endParaRPr lang="en-US" sz="14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US" sz="1400" b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84643030"/>
                  </a:ext>
                </a:extLst>
              </a:tr>
            </a:tbl>
          </a:graphicData>
        </a:graphic>
      </p:graphicFrame>
      <p:sp>
        <p:nvSpPr>
          <p:cNvPr id="10" name="Oval 13"/>
          <p:cNvSpPr/>
          <p:nvPr/>
        </p:nvSpPr>
        <p:spPr>
          <a:xfrm>
            <a:off x="5909482" y="5913783"/>
            <a:ext cx="1177118" cy="525369"/>
          </a:xfrm>
          <a:prstGeom prst="ellipse">
            <a:avLst/>
          </a:prstGeom>
          <a:noFill/>
          <a:ln w="24000">
            <a:solidFill>
              <a:srgbClr val="ED1C2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ED1C24"/>
              </a:solidFill>
            </a:endParaRPr>
          </a:p>
        </p:txBody>
      </p:sp>
      <p:sp>
        <p:nvSpPr>
          <p:cNvPr id="11" name="Oval 13"/>
          <p:cNvSpPr/>
          <p:nvPr/>
        </p:nvSpPr>
        <p:spPr>
          <a:xfrm>
            <a:off x="7612386" y="5913783"/>
            <a:ext cx="1177118" cy="525369"/>
          </a:xfrm>
          <a:prstGeom prst="ellipse">
            <a:avLst/>
          </a:prstGeom>
          <a:noFill/>
          <a:ln w="24000">
            <a:solidFill>
              <a:srgbClr val="ED1C2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ED1C24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0484809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Spaghetti diagram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dirty="0"/>
          </a:p>
          <a:p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Huidige situatie	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1026" name="Picture 2" descr="a08d084c-5347-42d8-a384-15d4006062df@eurprd04"/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2634664" y="1265667"/>
            <a:ext cx="6922672" cy="51521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53445466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Samenvatting 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 dirty="0" smtClean="0"/>
          </a:p>
          <a:p>
            <a:endParaRPr lang="en-US" dirty="0"/>
          </a:p>
          <a:p>
            <a:endParaRPr lang="en-US" dirty="0" smtClean="0"/>
          </a:p>
          <a:p>
            <a:endParaRPr lang="en-US" dirty="0"/>
          </a:p>
          <a:p>
            <a:r>
              <a:rPr lang="en-US" dirty="0" smtClean="0"/>
              <a:t>Patienten </a:t>
            </a:r>
            <a:r>
              <a:rPr lang="en-US" dirty="0"/>
              <a:t>komen gemiddeld </a:t>
            </a:r>
            <a:r>
              <a:rPr lang="en-US" dirty="0" smtClean="0"/>
              <a:t>20 minuten </a:t>
            </a:r>
            <a:r>
              <a:rPr lang="en-US" dirty="0"/>
              <a:t>te vroeg voor een hun opname</a:t>
            </a:r>
          </a:p>
          <a:p>
            <a:r>
              <a:rPr lang="en-US" dirty="0"/>
              <a:t>De gemiddelde wachttijd rondom een ECV is 141 </a:t>
            </a:r>
            <a:r>
              <a:rPr lang="en-US" dirty="0" smtClean="0"/>
              <a:t>minuten</a:t>
            </a:r>
          </a:p>
          <a:p>
            <a:pPr lvl="1"/>
            <a:r>
              <a:rPr lang="nl-NL" dirty="0" smtClean="0"/>
              <a:t>Minimaal 101minuten, maximaal 232 minuten </a:t>
            </a:r>
            <a:endParaRPr lang="en-US" dirty="0"/>
          </a:p>
          <a:p>
            <a:r>
              <a:rPr lang="nl-NL" dirty="0"/>
              <a:t>De gemiddelde tijd voor een verpleegkundige opname is </a:t>
            </a:r>
            <a:r>
              <a:rPr lang="nl-NL" dirty="0" smtClean="0"/>
              <a:t>21 minuten </a:t>
            </a:r>
            <a:endParaRPr lang="en-US" dirty="0"/>
          </a:p>
          <a:p>
            <a:r>
              <a:rPr lang="en-US" dirty="0"/>
              <a:t>De </a:t>
            </a:r>
            <a:r>
              <a:rPr lang="en-US" dirty="0" smtClean="0"/>
              <a:t>gemiddelde </a:t>
            </a:r>
            <a:r>
              <a:rPr lang="en-US" dirty="0"/>
              <a:t>proceduretijd van een ECV is 15 minuten</a:t>
            </a:r>
          </a:p>
          <a:p>
            <a:r>
              <a:rPr lang="en-US" dirty="0"/>
              <a:t>Het ECV-programma start terwijl nog niet alle opnames gereed zijn</a:t>
            </a:r>
          </a:p>
          <a:p>
            <a:r>
              <a:rPr lang="nl-NL" dirty="0"/>
              <a:t>Er zijn veel verplaatsingen voor </a:t>
            </a:r>
            <a:r>
              <a:rPr lang="en-US" dirty="0"/>
              <a:t>voor de patient</a:t>
            </a:r>
          </a:p>
          <a:p>
            <a:r>
              <a:rPr lang="nl-NL" dirty="0"/>
              <a:t>Het hele proces kent veel overbewerking</a:t>
            </a:r>
          </a:p>
          <a:p>
            <a:endParaRPr lang="en-US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Huidige situatie 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4/06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9</a:t>
            </a:fld>
            <a:endParaRPr lang="en-GB" dirty="0"/>
          </a:p>
        </p:txBody>
      </p:sp>
      <p:graphicFrame>
        <p:nvGraphicFramePr>
          <p:cNvPr id="8" name="Chart 7"/>
          <p:cNvGraphicFramePr>
            <a:graphicFrameLocks/>
          </p:cNvGraphicFramePr>
          <p:nvPr>
            <p:extLst/>
          </p:nvPr>
        </p:nvGraphicFramePr>
        <p:xfrm>
          <a:off x="4398226" y="2730016"/>
          <a:ext cx="7793774" cy="412798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graphicFrame>
        <p:nvGraphicFramePr>
          <p:cNvPr id="9" name="Diagram 8"/>
          <p:cNvGraphicFramePr/>
          <p:nvPr>
            <p:extLst/>
          </p:nvPr>
        </p:nvGraphicFramePr>
        <p:xfrm>
          <a:off x="262313" y="1341203"/>
          <a:ext cx="11560175" cy="129266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09881447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],"slideId":"638120497833247032","enableDocumentContentUpdater":false,"version":"2.0"}]]></TemplafySlide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86A123B-189D-4A34-9E1F-C7974388325C}">
  <ds:schemaRefs/>
</ds:datastoreItem>
</file>

<file path=customXml/itemProps2.xml><?xml version="1.0" encoding="utf-8"?>
<ds:datastoreItem xmlns:ds="http://schemas.openxmlformats.org/officeDocument/2006/customXml" ds:itemID="{2199C647-B858-47F4-AD49-330F0EFA1381}">
  <ds:schemaRefs/>
</ds:datastoreItem>
</file>

<file path=customXml/itemProps3.xml><?xml version="1.0" encoding="utf-8"?>
<ds:datastoreItem xmlns:ds="http://schemas.openxmlformats.org/officeDocument/2006/customXml" ds:itemID="{8D10CA3D-F449-48EA-8332-1900B33A86EA}">
  <ds:schemaRefs/>
</ds:datastoreItem>
</file>

<file path=customXml/itemProps4.xml><?xml version="1.0" encoding="utf-8"?>
<ds:datastoreItem xmlns:ds="http://schemas.openxmlformats.org/officeDocument/2006/customXml" ds:itemID="{3E93FD9B-A2A9-4D3F-9720-2BAADC1C6CF5}">
  <ds:schemaRefs/>
</ds:datastoreItem>
</file>

<file path=customXml/itemProps5.xml><?xml version="1.0" encoding="utf-8"?>
<ds:datastoreItem xmlns:ds="http://schemas.openxmlformats.org/officeDocument/2006/customXml" ds:itemID="{B309B53D-B4DE-420A-AD55-95645AB3D934}">
  <ds:schemaRefs/>
</ds:datastoreItem>
</file>

<file path=customXml/itemProps6.xml><?xml version="1.0" encoding="utf-8"?>
<ds:datastoreItem xmlns:ds="http://schemas.openxmlformats.org/officeDocument/2006/customXml" ds:itemID="{2A40761F-85AA-4702-A927-F8420881183F}">
  <ds:schemaRefs/>
</ds:datastoreItem>
</file>

<file path=customXml/itemProps7.xml><?xml version="1.0" encoding="utf-8"?>
<ds:datastoreItem xmlns:ds="http://schemas.openxmlformats.org/officeDocument/2006/customXml" ds:itemID="{30AE41FD-8E61-4DB9-A146-EDD7C94D097D}">
  <ds:schemaRefs/>
</ds:datastoreItem>
</file>

<file path=customXml/itemProps8.xml><?xml version="1.0" encoding="utf-8"?>
<ds:datastoreItem xmlns:ds="http://schemas.openxmlformats.org/officeDocument/2006/customXml" ds:itemID="{1BC44ED0-EDD7-4941-9A18-731F57572B0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2502</Words>
  <Application>Microsoft Office PowerPoint</Application>
  <PresentationFormat>Breedbeeld</PresentationFormat>
  <Paragraphs>407</Paragraphs>
  <Slides>23</Slides>
  <Notes>0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4</vt:i4>
      </vt:variant>
      <vt:variant>
        <vt:lpstr>Thema</vt:lpstr>
      </vt:variant>
      <vt:variant>
        <vt:i4>1</vt:i4>
      </vt:variant>
      <vt:variant>
        <vt:lpstr>Diatitels</vt:lpstr>
      </vt:variant>
      <vt:variant>
        <vt:i4>23</vt:i4>
      </vt:variant>
    </vt:vector>
  </HeadingPairs>
  <TitlesOfParts>
    <vt:vector size="28" baseType="lpstr">
      <vt:lpstr>Arial</vt:lpstr>
      <vt:lpstr>Arial Black</vt:lpstr>
      <vt:lpstr>Calibri</vt:lpstr>
      <vt:lpstr>Wingdings</vt:lpstr>
      <vt:lpstr>Erasmus MC</vt:lpstr>
      <vt:lpstr>Elektrocardioversie</vt:lpstr>
      <vt:lpstr>A3 - ECV, klaar terwijl u wacht!  Reduceren van wachttijden voor een electief geplande electrocardioversie (ECV). </vt:lpstr>
      <vt:lpstr>Huidige situatie </vt:lpstr>
      <vt:lpstr>Huidige situatie </vt:lpstr>
      <vt:lpstr>Huidige situatie </vt:lpstr>
      <vt:lpstr>Huidige situatie </vt:lpstr>
      <vt:lpstr>Huidige situatie  </vt:lpstr>
      <vt:lpstr>Huidige situatie </vt:lpstr>
      <vt:lpstr>Huidige situatie </vt:lpstr>
      <vt:lpstr>Doelstellingen   </vt:lpstr>
      <vt:lpstr>Analyse </vt:lpstr>
      <vt:lpstr>Analyse </vt:lpstr>
      <vt:lpstr>Tegenmaatregelen </vt:lpstr>
      <vt:lpstr>Tegenmaatregelen </vt:lpstr>
      <vt:lpstr>Resultaat </vt:lpstr>
      <vt:lpstr>Testen, leren  </vt:lpstr>
      <vt:lpstr>Testen, leren </vt:lpstr>
      <vt:lpstr>Testen, Leren  </vt:lpstr>
      <vt:lpstr>A3 - ECV, klaar terwijl u wacht!  Reduceren van wachttijden voor een electief geplande electrocardioversie (ECV). </vt:lpstr>
      <vt:lpstr>Testen, Leren  </vt:lpstr>
      <vt:lpstr>Borgen </vt:lpstr>
      <vt:lpstr>Borgen </vt:lpstr>
      <vt:lpstr>A3 - ECV, klaar terwijl u wacht!  Reduceren van wachttijden voor een electief geplande electrocardioversie (ECV). 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10-26T06:23:56Z</dcterms:created>
  <dcterms:modified xsi:type="dcterms:W3CDTF">2024-06-14T09:43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7731594728820626</vt:lpwstr>
  </property>
  <property fmtid="{D5CDD505-2E9C-101B-9397-08002B2CF9AE}" pid="6" name="TemplafyFromBlank">
    <vt:bool>true</vt:bool>
  </property>
</Properties>
</file>